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yochi-s-1\02用地管理課\管理係・活用担当係\02 管理（庶務）\04 契約\04 役務\01 残地管理関係\業務委託（草刈）契約【随時廃棄】\R04\その5（入札）\02　HP\"/>
    </mc:Choice>
  </mc:AlternateContent>
  <bookViews>
    <workbookView xWindow="-15" yWindow="300" windowWidth="11835" windowHeight="5205" tabRatio="962" activeTab="5"/>
  </bookViews>
  <sheets>
    <sheet name="（様式1）" sheetId="11" r:id="rId1"/>
    <sheet name="（様式2）" sheetId="12" r:id="rId2"/>
    <sheet name="様式3）完了届" sheetId="15" r:id="rId3"/>
    <sheet name="（様式4）" sheetId="13" r:id="rId4"/>
    <sheet name="（様式5）" sheetId="28" r:id="rId5"/>
    <sheet name="(様式6)" sheetId="22" r:id="rId6"/>
  </sheets>
  <externalReferences>
    <externalReference r:id="rId7"/>
    <externalReference r:id="rId8"/>
  </externalReferences>
  <definedNames>
    <definedName name="check">[1]リスト!$A$2:$A$3</definedName>
    <definedName name="hissu">[2]テーブル!$P$3:$P$9</definedName>
    <definedName name="koutyou">[2]テーブル!$P$29:$P$33</definedName>
    <definedName name="maru">[2]テーブル!$B$6:$B$7</definedName>
    <definedName name="mokuteki">[2]テーブル!$P$38:$P$40</definedName>
    <definedName name="nen">[2]テーブル!$D$3:$D$23</definedName>
    <definedName name="nin">[2]テーブル!$K$3:$K$102</definedName>
    <definedName name="niti">[2]テーブル!$F$3:$F$33</definedName>
    <definedName name="_xlnm.Print_Area" localSheetId="0">'（様式1）'!$A$1:$J$74</definedName>
    <definedName name="_xlnm.Print_Area" localSheetId="1">'（様式2）'!$A$1:$I$35</definedName>
    <definedName name="_xlnm.Print_Area" localSheetId="4">'（様式5）'!$A$1:$J$72</definedName>
    <definedName name="_xlnm.Print_Titles" localSheetId="0">'（様式1）'!$1:$3</definedName>
    <definedName name="_xlnm.Print_Titles" localSheetId="4">'（様式5）'!$1:$3</definedName>
    <definedName name="reigai">[2]テーブル!$P$17:$P$21</definedName>
    <definedName name="sassi">[2]テーブル!$P$45:$P$49</definedName>
    <definedName name="sikaku">[2]テーブル!$B$3:$B$4</definedName>
  </definedNames>
  <calcPr calcId="152511"/>
  <fileRecoveryPr autoRecover="0"/>
</workbook>
</file>

<file path=xl/calcChain.xml><?xml version="1.0" encoding="utf-8"?>
<calcChain xmlns="http://schemas.openxmlformats.org/spreadsheetml/2006/main">
  <c r="I67" i="28" l="1"/>
  <c r="H67" i="28"/>
  <c r="I52" i="28"/>
  <c r="H52" i="28"/>
  <c r="I37" i="28"/>
  <c r="I70" i="28" s="1"/>
  <c r="H37" i="28"/>
  <c r="H70" i="28" s="1"/>
  <c r="I18" i="28"/>
  <c r="H18" i="28"/>
  <c r="I70" i="11"/>
  <c r="H70" i="11"/>
  <c r="H67" i="11" l="1"/>
  <c r="I67" i="11" l="1"/>
  <c r="H52" i="11" l="1"/>
  <c r="I52" i="11"/>
  <c r="H37" i="11" l="1"/>
  <c r="I37" i="11"/>
  <c r="I18" i="11"/>
  <c r="H18" i="11"/>
  <c r="J70" i="28" l="1"/>
  <c r="J70" i="11" l="1"/>
</calcChain>
</file>

<file path=xl/comments1.xml><?xml version="1.0" encoding="utf-8"?>
<comments xmlns="http://schemas.openxmlformats.org/spreadsheetml/2006/main">
  <authors>
    <author>建設局用地部</author>
  </authors>
  <commentList>
    <comment ref="C4" authorId="0" shapeId="0">
      <text>
        <r>
          <rPr>
            <b/>
            <sz val="9"/>
            <color indexed="81"/>
            <rFont val="ＭＳ Ｐゴシック"/>
            <family val="3"/>
            <charset val="128"/>
          </rPr>
          <t>数字のみ入力</t>
        </r>
      </text>
    </comment>
  </commentList>
</comments>
</file>

<file path=xl/comments2.xml><?xml version="1.0" encoding="utf-8"?>
<comments xmlns="http://schemas.openxmlformats.org/spreadsheetml/2006/main">
  <authors>
    <author>建設局用地部</author>
  </authors>
  <commentList>
    <comment ref="G3" authorId="0" shapeId="0">
      <text>
        <r>
          <rPr>
            <sz val="9"/>
            <color indexed="81"/>
            <rFont val="ＭＳ Ｐゴシック"/>
            <family val="3"/>
            <charset val="128"/>
          </rPr>
          <t>契約終了日までの提出日付。</t>
        </r>
      </text>
    </comment>
  </commentList>
</comments>
</file>

<file path=xl/sharedStrings.xml><?xml version="1.0" encoding="utf-8"?>
<sst xmlns="http://schemas.openxmlformats.org/spreadsheetml/2006/main" count="593" uniqueCount="189">
  <si>
    <t>㎡</t>
    <phoneticPr fontId="3"/>
  </si>
  <si>
    <t>番号</t>
    <rPh sb="0" eb="2">
      <t>バンゴウ</t>
    </rPh>
    <phoneticPr fontId="3"/>
  </si>
  <si>
    <t>区分</t>
    <rPh sb="0" eb="2">
      <t>クブン</t>
    </rPh>
    <phoneticPr fontId="3"/>
  </si>
  <si>
    <t>台帳番号</t>
    <rPh sb="0" eb="2">
      <t>ダイチョウ</t>
    </rPh>
    <rPh sb="2" eb="4">
      <t>バンゴウ</t>
    </rPh>
    <phoneticPr fontId="3"/>
  </si>
  <si>
    <t>区</t>
    <rPh sb="0" eb="1">
      <t>ク</t>
    </rPh>
    <phoneticPr fontId="3"/>
  </si>
  <si>
    <t>住所</t>
    <rPh sb="0" eb="2">
      <t>ジュウショ</t>
    </rPh>
    <phoneticPr fontId="3"/>
  </si>
  <si>
    <t>地番</t>
    <rPh sb="0" eb="2">
      <t>チバン</t>
    </rPh>
    <phoneticPr fontId="3"/>
  </si>
  <si>
    <t>新口座</t>
    <rPh sb="0" eb="3">
      <t>シンコウザ</t>
    </rPh>
    <phoneticPr fontId="3"/>
  </si>
  <si>
    <t>旧口座</t>
    <rPh sb="0" eb="3">
      <t>キュウコウザ</t>
    </rPh>
    <phoneticPr fontId="3"/>
  </si>
  <si>
    <t>係</t>
    <rPh sb="0" eb="1">
      <t>カカ</t>
    </rPh>
    <phoneticPr fontId="3"/>
  </si>
  <si>
    <t>総　　計</t>
    <rPh sb="0" eb="1">
      <t>フサ</t>
    </rPh>
    <rPh sb="3" eb="4">
      <t>ケイ</t>
    </rPh>
    <phoneticPr fontId="3"/>
  </si>
  <si>
    <t>除草面積</t>
    <rPh sb="0" eb="2">
      <t>ジョソウ</t>
    </rPh>
    <rPh sb="2" eb="4">
      <t>メンセキ</t>
    </rPh>
    <phoneticPr fontId="3"/>
  </si>
  <si>
    <t>（様式1）</t>
    <rPh sb="1" eb="3">
      <t>ヨウシキ</t>
    </rPh>
    <phoneticPr fontId="3"/>
  </si>
  <si>
    <t>作業完了予定日</t>
    <rPh sb="0" eb="2">
      <t>サギョウ</t>
    </rPh>
    <rPh sb="2" eb="4">
      <t>カンリョウ</t>
    </rPh>
    <rPh sb="4" eb="7">
      <t>ヨテイビ</t>
    </rPh>
    <phoneticPr fontId="3"/>
  </si>
  <si>
    <t>（様式２）</t>
    <rPh sb="1" eb="3">
      <t>ヨウシキ</t>
    </rPh>
    <phoneticPr fontId="3"/>
  </si>
  <si>
    <t>業　務　日　誌</t>
    <rPh sb="0" eb="1">
      <t>ギョウ</t>
    </rPh>
    <rPh sb="2" eb="3">
      <t>ツトム</t>
    </rPh>
    <rPh sb="4" eb="5">
      <t>ヒ</t>
    </rPh>
    <rPh sb="6" eb="7">
      <t>シ</t>
    </rPh>
    <phoneticPr fontId="3"/>
  </si>
  <si>
    <t>業　務　名</t>
    <rPh sb="0" eb="1">
      <t>ギョウ</t>
    </rPh>
    <rPh sb="2" eb="3">
      <t>ツトム</t>
    </rPh>
    <rPh sb="4" eb="5">
      <t>メイ</t>
    </rPh>
    <phoneticPr fontId="3"/>
  </si>
  <si>
    <t>除　草　箇　所</t>
    <rPh sb="0" eb="1">
      <t>ジョ</t>
    </rPh>
    <rPh sb="2" eb="3">
      <t>クサ</t>
    </rPh>
    <rPh sb="4" eb="5">
      <t>カ</t>
    </rPh>
    <rPh sb="6" eb="7">
      <t>ショ</t>
    </rPh>
    <phoneticPr fontId="3"/>
  </si>
  <si>
    <t>実施時間</t>
    <rPh sb="0" eb="2">
      <t>ジッシ</t>
    </rPh>
    <rPh sb="2" eb="4">
      <t>ジカン</t>
    </rPh>
    <phoneticPr fontId="3"/>
  </si>
  <si>
    <t>特　記　事　項</t>
    <rPh sb="0" eb="1">
      <t>トク</t>
    </rPh>
    <rPh sb="2" eb="3">
      <t>キ</t>
    </rPh>
    <rPh sb="4" eb="5">
      <t>コト</t>
    </rPh>
    <rPh sb="6" eb="7">
      <t>コウ</t>
    </rPh>
    <phoneticPr fontId="3"/>
  </si>
  <si>
    <t>委託　　番号</t>
    <rPh sb="0" eb="2">
      <t>イタク</t>
    </rPh>
    <rPh sb="4" eb="6">
      <t>バンゴウ</t>
    </rPh>
    <phoneticPr fontId="3"/>
  </si>
  <si>
    <t>所　　　　　　　　　　　　　　　在</t>
    <rPh sb="0" eb="1">
      <t>トコロ</t>
    </rPh>
    <rPh sb="16" eb="17">
      <t>ザイ</t>
    </rPh>
    <phoneticPr fontId="3"/>
  </si>
  <si>
    <t>自</t>
    <rPh sb="0" eb="1">
      <t>ジ</t>
    </rPh>
    <phoneticPr fontId="3"/>
  </si>
  <si>
    <t>至</t>
    <rPh sb="0" eb="1">
      <t>イタル</t>
    </rPh>
    <phoneticPr fontId="3"/>
  </si>
  <si>
    <t>委託番号</t>
    <rPh sb="0" eb="2">
      <t>イタク</t>
    </rPh>
    <rPh sb="2" eb="4">
      <t>バンゴウ</t>
    </rPh>
    <phoneticPr fontId="3"/>
  </si>
  <si>
    <t>除草箇所</t>
    <rPh sb="0" eb="2">
      <t>ジョソウ</t>
    </rPh>
    <rPh sb="2" eb="4">
      <t>カショ</t>
    </rPh>
    <phoneticPr fontId="3"/>
  </si>
  <si>
    <t>実施年月日</t>
    <rPh sb="0" eb="2">
      <t>ジッシ</t>
    </rPh>
    <rPh sb="2" eb="5">
      <t>ネンガッピ</t>
    </rPh>
    <phoneticPr fontId="3"/>
  </si>
  <si>
    <t>作業前　　　　　　　　</t>
    <rPh sb="0" eb="2">
      <t>サギョウ</t>
    </rPh>
    <rPh sb="2" eb="3">
      <t>マエ</t>
    </rPh>
    <phoneticPr fontId="3"/>
  </si>
  <si>
    <t>現</t>
    <rPh sb="0" eb="1">
      <t>ゲン</t>
    </rPh>
    <phoneticPr fontId="3"/>
  </si>
  <si>
    <t>況</t>
    <rPh sb="0" eb="1">
      <t>キョウ</t>
    </rPh>
    <phoneticPr fontId="3"/>
  </si>
  <si>
    <t>写</t>
    <rPh sb="0" eb="1">
      <t>シャ</t>
    </rPh>
    <phoneticPr fontId="3"/>
  </si>
  <si>
    <t>作業後</t>
    <rPh sb="0" eb="2">
      <t>サギョウ</t>
    </rPh>
    <rPh sb="2" eb="3">
      <t>ゴ</t>
    </rPh>
    <phoneticPr fontId="3"/>
  </si>
  <si>
    <t>真</t>
    <rPh sb="0" eb="1">
      <t>シン</t>
    </rPh>
    <phoneticPr fontId="3"/>
  </si>
  <si>
    <t>特記事項</t>
    <rPh sb="0" eb="2">
      <t>トッキ</t>
    </rPh>
    <rPh sb="2" eb="4">
      <t>ジコウ</t>
    </rPh>
    <phoneticPr fontId="3"/>
  </si>
  <si>
    <t>完了届</t>
    <rPh sb="0" eb="2">
      <t>カンリョウ</t>
    </rPh>
    <rPh sb="2" eb="3">
      <t>トドケ</t>
    </rPh>
    <phoneticPr fontId="3"/>
  </si>
  <si>
    <t>氏名</t>
    <rPh sb="0" eb="2">
      <t>シメイ</t>
    </rPh>
    <phoneticPr fontId="3"/>
  </si>
  <si>
    <t>印</t>
    <rPh sb="0" eb="1">
      <t>イン</t>
    </rPh>
    <phoneticPr fontId="3"/>
  </si>
  <si>
    <t>名称</t>
    <rPh sb="0" eb="2">
      <t>メイショウ</t>
    </rPh>
    <phoneticPr fontId="3"/>
  </si>
  <si>
    <t>　　　（なお、完了した役務の内容は作業日誌等にて逐次報告したとおりです。</t>
    <rPh sb="7" eb="9">
      <t>カンリョウ</t>
    </rPh>
    <rPh sb="11" eb="13">
      <t>エキム</t>
    </rPh>
    <rPh sb="14" eb="16">
      <t>ナイヨウ</t>
    </rPh>
    <rPh sb="17" eb="19">
      <t>サギョウ</t>
    </rPh>
    <rPh sb="19" eb="21">
      <t>ニッシ</t>
    </rPh>
    <rPh sb="21" eb="22">
      <t>トウ</t>
    </rPh>
    <rPh sb="24" eb="26">
      <t>チクジ</t>
    </rPh>
    <rPh sb="26" eb="28">
      <t>ホウコク</t>
    </rPh>
    <phoneticPr fontId="3"/>
  </si>
  <si>
    <t>　　　　また、業務にあたっては作業車の停車時エンジン停止等環境に配慮して作業を行いました。）</t>
    <rPh sb="7" eb="9">
      <t>ギョウム</t>
    </rPh>
    <rPh sb="15" eb="17">
      <t>サギョウ</t>
    </rPh>
    <rPh sb="17" eb="18">
      <t>シャ</t>
    </rPh>
    <rPh sb="19" eb="21">
      <t>テイシャ</t>
    </rPh>
    <rPh sb="21" eb="22">
      <t>ジ</t>
    </rPh>
    <rPh sb="26" eb="28">
      <t>テイシ</t>
    </rPh>
    <rPh sb="28" eb="29">
      <t>トウ</t>
    </rPh>
    <rPh sb="29" eb="31">
      <t>カンキョウ</t>
    </rPh>
    <rPh sb="32" eb="34">
      <t>ハイリョ</t>
    </rPh>
    <rPh sb="36" eb="38">
      <t>サギョウ</t>
    </rPh>
    <rPh sb="39" eb="40">
      <t>オコナ</t>
    </rPh>
    <phoneticPr fontId="3"/>
  </si>
  <si>
    <t>受付</t>
    <rPh sb="0" eb="2">
      <t>ウケツケ</t>
    </rPh>
    <phoneticPr fontId="3"/>
  </si>
  <si>
    <t>完了を確認した職員</t>
    <rPh sb="0" eb="2">
      <t>カンリョウ</t>
    </rPh>
    <rPh sb="3" eb="5">
      <t>カクニン</t>
    </rPh>
    <rPh sb="7" eb="9">
      <t>ショクイン</t>
    </rPh>
    <phoneticPr fontId="3"/>
  </si>
  <si>
    <t>事務職員</t>
    <rPh sb="0" eb="2">
      <t>ジム</t>
    </rPh>
    <rPh sb="2" eb="4">
      <t>ショクイン</t>
    </rPh>
    <phoneticPr fontId="3"/>
  </si>
  <si>
    <t>課　　長</t>
    <rPh sb="0" eb="1">
      <t>カ</t>
    </rPh>
    <rPh sb="3" eb="4">
      <t>チョウ</t>
    </rPh>
    <phoneticPr fontId="3"/>
  </si>
  <si>
    <t>係　　長</t>
    <rPh sb="0" eb="1">
      <t>カカリ</t>
    </rPh>
    <rPh sb="3" eb="4">
      <t>チョウ</t>
    </rPh>
    <phoneticPr fontId="3"/>
  </si>
  <si>
    <t>　　施してよろしいか。</t>
    <rPh sb="2" eb="3">
      <t>ホドコ</t>
    </rPh>
    <phoneticPr fontId="3"/>
  </si>
  <si>
    <t>検査員</t>
    <rPh sb="0" eb="3">
      <t>ケンサイン</t>
    </rPh>
    <phoneticPr fontId="3"/>
  </si>
  <si>
    <t>立会人</t>
    <rPh sb="0" eb="2">
      <t>タチアイ</t>
    </rPh>
    <rPh sb="2" eb="3">
      <t>ニン</t>
    </rPh>
    <phoneticPr fontId="3"/>
  </si>
  <si>
    <t>　</t>
    <phoneticPr fontId="3"/>
  </si>
  <si>
    <t>備　考</t>
    <rPh sb="0" eb="1">
      <t>ソナエ</t>
    </rPh>
    <rPh sb="2" eb="3">
      <t>コウ</t>
    </rPh>
    <phoneticPr fontId="3"/>
  </si>
  <si>
    <t>重　　量(kg)</t>
    <rPh sb="0" eb="1">
      <t>シゲル</t>
    </rPh>
    <rPh sb="3" eb="4">
      <t>リョウ</t>
    </rPh>
    <phoneticPr fontId="3"/>
  </si>
  <si>
    <t>受託者</t>
    <rPh sb="0" eb="3">
      <t>ジュタクシャ</t>
    </rPh>
    <phoneticPr fontId="3"/>
  </si>
  <si>
    <t>住　所</t>
    <rPh sb="0" eb="1">
      <t>ジュウ</t>
    </rPh>
    <rPh sb="2" eb="3">
      <t>ショ</t>
    </rPh>
    <phoneticPr fontId="3"/>
  </si>
  <si>
    <t>氏　名</t>
    <rPh sb="0" eb="1">
      <t>シ</t>
    </rPh>
    <rPh sb="2" eb="3">
      <t>メイ</t>
    </rPh>
    <phoneticPr fontId="3"/>
  </si>
  <si>
    <t>（現場代理人</t>
    <rPh sb="1" eb="3">
      <t>ゲンバ</t>
    </rPh>
    <rPh sb="3" eb="6">
      <t>ダイリニン</t>
    </rPh>
    <phoneticPr fontId="3"/>
  </si>
  <si>
    <t>印　　　）</t>
    <rPh sb="0" eb="1">
      <t>イン</t>
    </rPh>
    <phoneticPr fontId="3"/>
  </si>
  <si>
    <t>（様式４）</t>
    <rPh sb="1" eb="3">
      <t>ヨウシキ</t>
    </rPh>
    <phoneticPr fontId="3"/>
  </si>
  <si>
    <t>残地</t>
    <rPh sb="0" eb="2">
      <t>ザンチ</t>
    </rPh>
    <phoneticPr fontId="3"/>
  </si>
  <si>
    <t>月　　日</t>
    <rPh sb="0" eb="1">
      <t>ツキ</t>
    </rPh>
    <rPh sb="3" eb="4">
      <t>ヒ</t>
    </rPh>
    <phoneticPr fontId="3"/>
  </si>
  <si>
    <t>（様式６）</t>
    <rPh sb="1" eb="3">
      <t>ヨウシキ</t>
    </rPh>
    <phoneticPr fontId="3"/>
  </si>
  <si>
    <t>東）</t>
  </si>
  <si>
    <t>東苗穂１０条３丁目</t>
    <phoneticPr fontId="3"/>
  </si>
  <si>
    <t>645-8</t>
    <phoneticPr fontId="3"/>
  </si>
  <si>
    <t>645-12外</t>
    <rPh sb="6" eb="7">
      <t>ホカ</t>
    </rPh>
    <phoneticPr fontId="3"/>
  </si>
  <si>
    <t>645-10外</t>
    <rPh sb="6" eb="7">
      <t>ホカ</t>
    </rPh>
    <phoneticPr fontId="3"/>
  </si>
  <si>
    <t>645-9</t>
    <phoneticPr fontId="3"/>
  </si>
  <si>
    <t>東苗穂１２条４丁目</t>
  </si>
  <si>
    <t>608-37</t>
  </si>
  <si>
    <t>608-22</t>
  </si>
  <si>
    <t>662-15</t>
  </si>
  <si>
    <t>662-11</t>
  </si>
  <si>
    <t>東）</t>
    <phoneticPr fontId="3"/>
  </si>
  <si>
    <t>東雁来４条１丁目</t>
    <rPh sb="0" eb="1">
      <t>ヒガシ</t>
    </rPh>
    <rPh sb="1" eb="2">
      <t>カリ</t>
    </rPh>
    <rPh sb="2" eb="3">
      <t>キ</t>
    </rPh>
    <rPh sb="4" eb="5">
      <t>ジョウ</t>
    </rPh>
    <rPh sb="6" eb="8">
      <t>チョウメ</t>
    </rPh>
    <phoneticPr fontId="3"/>
  </si>
  <si>
    <t>60-8外</t>
    <rPh sb="4" eb="5">
      <t>ホカ</t>
    </rPh>
    <phoneticPr fontId="3"/>
  </si>
  <si>
    <t>厚）</t>
    <rPh sb="0" eb="1">
      <t>アツ</t>
    </rPh>
    <phoneticPr fontId="3"/>
  </si>
  <si>
    <t>大谷地東１丁目</t>
    <rPh sb="0" eb="3">
      <t>オオヤチ</t>
    </rPh>
    <rPh sb="3" eb="4">
      <t>ヒガシ</t>
    </rPh>
    <rPh sb="5" eb="7">
      <t>チョウメ</t>
    </rPh>
    <phoneticPr fontId="3"/>
  </si>
  <si>
    <t>434-15</t>
    <phoneticPr fontId="3"/>
  </si>
  <si>
    <t>厚別区小計</t>
    <rPh sb="0" eb="2">
      <t>アツベツ</t>
    </rPh>
    <rPh sb="2" eb="3">
      <t>ク</t>
    </rPh>
    <rPh sb="3" eb="4">
      <t>ショウ</t>
    </rPh>
    <rPh sb="4" eb="5">
      <t>ケイ</t>
    </rPh>
    <phoneticPr fontId="3"/>
  </si>
  <si>
    <t>（あて先）札幌市長　様</t>
    <rPh sb="3" eb="4">
      <t>サキ</t>
    </rPh>
    <rPh sb="5" eb="7">
      <t>サッポロ</t>
    </rPh>
    <rPh sb="7" eb="9">
      <t>シチョウ</t>
    </rPh>
    <rPh sb="10" eb="11">
      <t>サマ</t>
    </rPh>
    <phoneticPr fontId="3"/>
  </si>
  <si>
    <t>434-5外</t>
    <rPh sb="5" eb="6">
      <t>ホカ</t>
    </rPh>
    <phoneticPr fontId="3"/>
  </si>
  <si>
    <t>662-7外</t>
    <rPh sb="5" eb="6">
      <t>ホカ</t>
    </rPh>
    <phoneticPr fontId="3"/>
  </si>
  <si>
    <t>厚別中央５条２丁目</t>
    <rPh sb="0" eb="2">
      <t>アツベツ</t>
    </rPh>
    <rPh sb="2" eb="4">
      <t>チュウオウ</t>
    </rPh>
    <rPh sb="5" eb="6">
      <t>ジョウ</t>
    </rPh>
    <rPh sb="7" eb="9">
      <t>チョウメ</t>
    </rPh>
    <phoneticPr fontId="3"/>
  </si>
  <si>
    <r>
      <t>2</t>
    </r>
    <r>
      <rPr>
        <sz val="11"/>
        <rFont val="ＭＳ Ｐゴシック"/>
        <family val="3"/>
        <charset val="128"/>
      </rPr>
      <t>-1</t>
    </r>
    <phoneticPr fontId="3"/>
  </si>
  <si>
    <t>厚別西１条２丁目</t>
    <rPh sb="0" eb="2">
      <t>アツベツ</t>
    </rPh>
    <rPh sb="2" eb="3">
      <t>ニシ</t>
    </rPh>
    <rPh sb="4" eb="5">
      <t>ジョウ</t>
    </rPh>
    <rPh sb="6" eb="8">
      <t>チョウメ</t>
    </rPh>
    <phoneticPr fontId="3"/>
  </si>
  <si>
    <t>北）</t>
    <rPh sb="0" eb="1">
      <t>キタ</t>
    </rPh>
    <phoneticPr fontId="3"/>
  </si>
  <si>
    <t>1-4</t>
    <phoneticPr fontId="3"/>
  </si>
  <si>
    <t>白）</t>
    <rPh sb="0" eb="1">
      <t>シロ</t>
    </rPh>
    <phoneticPr fontId="3"/>
  </si>
  <si>
    <t>北郷１条１丁目</t>
    <phoneticPr fontId="3"/>
  </si>
  <si>
    <t>1-8</t>
    <phoneticPr fontId="3"/>
  </si>
  <si>
    <t>東米里</t>
    <rPh sb="0" eb="1">
      <t>ヒガシ</t>
    </rPh>
    <rPh sb="1" eb="3">
      <t>ヨネサト</t>
    </rPh>
    <phoneticPr fontId="3"/>
  </si>
  <si>
    <r>
      <t>2</t>
    </r>
    <r>
      <rPr>
        <sz val="11"/>
        <rFont val="ＭＳ Ｐゴシック"/>
        <family val="3"/>
        <charset val="128"/>
      </rPr>
      <t>036-79</t>
    </r>
    <phoneticPr fontId="3"/>
  </si>
  <si>
    <t>菊水上町１条２丁目</t>
    <rPh sb="0" eb="2">
      <t>キクスイ</t>
    </rPh>
    <rPh sb="2" eb="4">
      <t>カミマチ</t>
    </rPh>
    <rPh sb="5" eb="6">
      <t>ジョウ</t>
    </rPh>
    <rPh sb="7" eb="9">
      <t>チョウメ</t>
    </rPh>
    <phoneticPr fontId="3"/>
  </si>
  <si>
    <r>
      <t>1</t>
    </r>
    <r>
      <rPr>
        <sz val="11"/>
        <rFont val="ＭＳ Ｐゴシック"/>
        <family val="3"/>
        <charset val="128"/>
      </rPr>
      <t>00-11</t>
    </r>
    <phoneticPr fontId="3"/>
  </si>
  <si>
    <t>菊水上町２条１丁目</t>
    <phoneticPr fontId="3"/>
  </si>
  <si>
    <r>
      <t>4</t>
    </r>
    <r>
      <rPr>
        <sz val="11"/>
        <rFont val="ＭＳ Ｐゴシック"/>
        <family val="3"/>
        <charset val="128"/>
      </rPr>
      <t>7-2</t>
    </r>
    <phoneticPr fontId="3"/>
  </si>
  <si>
    <t>菊水上町２条２丁目</t>
    <phoneticPr fontId="3"/>
  </si>
  <si>
    <t>菊水上町３条２丁目</t>
    <phoneticPr fontId="3"/>
  </si>
  <si>
    <t>52-453</t>
    <phoneticPr fontId="3"/>
  </si>
  <si>
    <t>菊水元町６条４丁目</t>
    <rPh sb="0" eb="2">
      <t>キクスイ</t>
    </rPh>
    <rPh sb="2" eb="4">
      <t>モトマチ</t>
    </rPh>
    <rPh sb="5" eb="6">
      <t>ジョウ</t>
    </rPh>
    <rPh sb="7" eb="9">
      <t>チョウメ</t>
    </rPh>
    <phoneticPr fontId="3"/>
  </si>
  <si>
    <t>菊水元町１０条１丁目</t>
    <rPh sb="0" eb="2">
      <t>キクスイ</t>
    </rPh>
    <rPh sb="2" eb="3">
      <t>モト</t>
    </rPh>
    <rPh sb="3" eb="4">
      <t>マチ</t>
    </rPh>
    <rPh sb="6" eb="7">
      <t>ジョウ</t>
    </rPh>
    <rPh sb="8" eb="10">
      <t>チョウメ</t>
    </rPh>
    <phoneticPr fontId="3"/>
  </si>
  <si>
    <t>厚別西２条２丁目</t>
    <rPh sb="0" eb="2">
      <t>アツベツ</t>
    </rPh>
    <rPh sb="2" eb="3">
      <t>ニシ</t>
    </rPh>
    <rPh sb="4" eb="5">
      <t>ジョウ</t>
    </rPh>
    <rPh sb="6" eb="8">
      <t>チョウメ</t>
    </rPh>
    <phoneticPr fontId="3"/>
  </si>
  <si>
    <t>北、東、白石、厚別、清田区合計</t>
    <rPh sb="0" eb="1">
      <t>キタ</t>
    </rPh>
    <rPh sb="2" eb="3">
      <t>ヒガシ</t>
    </rPh>
    <rPh sb="4" eb="5">
      <t>シロ</t>
    </rPh>
    <rPh sb="5" eb="6">
      <t>イシ</t>
    </rPh>
    <rPh sb="7" eb="9">
      <t>アツベツ</t>
    </rPh>
    <rPh sb="10" eb="12">
      <t>キヨタ</t>
    </rPh>
    <rPh sb="12" eb="13">
      <t>ク</t>
    </rPh>
    <rPh sb="13" eb="15">
      <t>ゴウケイ</t>
    </rPh>
    <phoneticPr fontId="3"/>
  </si>
  <si>
    <t>東区小計</t>
    <rPh sb="0" eb="1">
      <t>ヒガシ</t>
    </rPh>
    <rPh sb="1" eb="2">
      <t>ク</t>
    </rPh>
    <rPh sb="2" eb="3">
      <t>ショウ</t>
    </rPh>
    <rPh sb="3" eb="4">
      <t>ケイ</t>
    </rPh>
    <phoneticPr fontId="3"/>
  </si>
  <si>
    <t>白石区小計</t>
    <rPh sb="0" eb="2">
      <t>シロイシ</t>
    </rPh>
    <rPh sb="3" eb="4">
      <t>ショウ</t>
    </rPh>
    <rPh sb="4" eb="5">
      <t>ケイ</t>
    </rPh>
    <phoneticPr fontId="3"/>
  </si>
  <si>
    <t>作業完了日</t>
    <rPh sb="0" eb="2">
      <t>サギョウ</t>
    </rPh>
    <rPh sb="2" eb="4">
      <t>カンリョウ</t>
    </rPh>
    <rPh sb="4" eb="5">
      <t>ビ</t>
    </rPh>
    <phoneticPr fontId="3"/>
  </si>
  <si>
    <t>平坦地
除草面積</t>
    <rPh sb="0" eb="2">
      <t>ヘイタン</t>
    </rPh>
    <rPh sb="2" eb="3">
      <t>チ</t>
    </rPh>
    <rPh sb="4" eb="6">
      <t>ジョソウ</t>
    </rPh>
    <rPh sb="6" eb="8">
      <t>メンセキ</t>
    </rPh>
    <phoneticPr fontId="3"/>
  </si>
  <si>
    <t>傾斜地
除草面積</t>
    <rPh sb="0" eb="3">
      <t>ケイシャチ</t>
    </rPh>
    <rPh sb="4" eb="6">
      <t>ジョソウ</t>
    </rPh>
    <rPh sb="6" eb="8">
      <t>メンセキ</t>
    </rPh>
    <phoneticPr fontId="3"/>
  </si>
  <si>
    <t>　　月　　　　日　</t>
    <rPh sb="2" eb="3">
      <t>ツキ</t>
    </rPh>
    <rPh sb="7" eb="8">
      <t>ヒ</t>
    </rPh>
    <phoneticPr fontId="2"/>
  </si>
  <si>
    <t>（様式5）</t>
    <rPh sb="1" eb="3">
      <t>ヨウシキ</t>
    </rPh>
    <phoneticPr fontId="3"/>
  </si>
  <si>
    <t>平坦地</t>
    <rPh sb="0" eb="2">
      <t>ヘイタン</t>
    </rPh>
    <rPh sb="2" eb="3">
      <t>チ</t>
    </rPh>
    <phoneticPr fontId="3"/>
  </si>
  <si>
    <t>45-1外</t>
    <rPh sb="4" eb="5">
      <t>ホカ</t>
    </rPh>
    <phoneticPr fontId="3"/>
  </si>
  <si>
    <t>53-1</t>
    <phoneticPr fontId="3"/>
  </si>
  <si>
    <t>52-4</t>
    <phoneticPr fontId="3"/>
  </si>
  <si>
    <t>東雁来３条１丁目</t>
    <rPh sb="0" eb="1">
      <t>ヒガシ</t>
    </rPh>
    <rPh sb="1" eb="2">
      <t>カリ</t>
    </rPh>
    <rPh sb="2" eb="3">
      <t>ク</t>
    </rPh>
    <rPh sb="4" eb="5">
      <t>ジョウ</t>
    </rPh>
    <rPh sb="6" eb="8">
      <t>チョウメ</t>
    </rPh>
    <phoneticPr fontId="3"/>
  </si>
  <si>
    <t>509-4外</t>
    <rPh sb="5" eb="6">
      <t>ホカ</t>
    </rPh>
    <phoneticPr fontId="3"/>
  </si>
  <si>
    <t>栄通２１丁目</t>
    <rPh sb="0" eb="1">
      <t>サカエ</t>
    </rPh>
    <rPh sb="1" eb="2">
      <t>ドオ</t>
    </rPh>
    <rPh sb="4" eb="6">
      <t>チョウメ</t>
    </rPh>
    <phoneticPr fontId="3"/>
  </si>
  <si>
    <r>
      <t>5</t>
    </r>
    <r>
      <rPr>
        <sz val="11"/>
        <rFont val="ＭＳ Ｐゴシック"/>
        <family val="3"/>
        <charset val="128"/>
      </rPr>
      <t>53-161</t>
    </r>
    <phoneticPr fontId="3"/>
  </si>
  <si>
    <t>1-5</t>
    <phoneticPr fontId="3"/>
  </si>
  <si>
    <t>1-6外</t>
    <rPh sb="3" eb="4">
      <t>ホカ</t>
    </rPh>
    <phoneticPr fontId="3"/>
  </si>
  <si>
    <t>2-1</t>
    <phoneticPr fontId="3"/>
  </si>
  <si>
    <t>2-7</t>
    <phoneticPr fontId="3"/>
  </si>
  <si>
    <t>2-6外</t>
    <rPh sb="3" eb="4">
      <t>ホカ</t>
    </rPh>
    <phoneticPr fontId="3"/>
  </si>
  <si>
    <t>553-71外</t>
    <rPh sb="6" eb="7">
      <t>ホカ</t>
    </rPh>
    <phoneticPr fontId="3"/>
  </si>
  <si>
    <t>菊水元町９条１丁目</t>
    <rPh sb="0" eb="2">
      <t>キクスイ</t>
    </rPh>
    <rPh sb="2" eb="4">
      <t>モトマチ</t>
    </rPh>
    <rPh sb="5" eb="6">
      <t>ジョウ</t>
    </rPh>
    <rPh sb="7" eb="9">
      <t>チョウメ</t>
    </rPh>
    <phoneticPr fontId="3"/>
  </si>
  <si>
    <t>　　　令和　     年　　　　月　　　　日</t>
    <rPh sb="3" eb="4">
      <t>レイ</t>
    </rPh>
    <rPh sb="4" eb="5">
      <t>ワ</t>
    </rPh>
    <rPh sb="11" eb="12">
      <t>ネン</t>
    </rPh>
    <rPh sb="16" eb="17">
      <t>ガツ</t>
    </rPh>
    <rPh sb="21" eb="22">
      <t>ニチ</t>
    </rPh>
    <phoneticPr fontId="3"/>
  </si>
  <si>
    <t>　　上記役務は、令和　　年　　月　　日に完了したのでお届けします。</t>
    <rPh sb="2" eb="4">
      <t>ジョウキ</t>
    </rPh>
    <rPh sb="4" eb="6">
      <t>エキム</t>
    </rPh>
    <rPh sb="8" eb="9">
      <t>レイ</t>
    </rPh>
    <rPh sb="9" eb="10">
      <t>ワ</t>
    </rPh>
    <rPh sb="12" eb="13">
      <t>ネン</t>
    </rPh>
    <rPh sb="15" eb="16">
      <t>ツキ</t>
    </rPh>
    <rPh sb="18" eb="19">
      <t>ヒ</t>
    </rPh>
    <rPh sb="20" eb="22">
      <t>カンリョウ</t>
    </rPh>
    <rPh sb="27" eb="28">
      <t>トド</t>
    </rPh>
    <phoneticPr fontId="3"/>
  </si>
  <si>
    <t>令和　　　年　　　月　　　日</t>
    <rPh sb="0" eb="1">
      <t>レイ</t>
    </rPh>
    <rPh sb="1" eb="2">
      <t>ワ</t>
    </rPh>
    <rPh sb="5" eb="6">
      <t>ネン</t>
    </rPh>
    <rPh sb="9" eb="10">
      <t>ツキ</t>
    </rPh>
    <rPh sb="13" eb="14">
      <t>ヒ</t>
    </rPh>
    <phoneticPr fontId="3"/>
  </si>
  <si>
    <t>令和　　　年　　　月　　　　日</t>
    <rPh sb="0" eb="1">
      <t>レイ</t>
    </rPh>
    <rPh sb="1" eb="2">
      <t>ワ</t>
    </rPh>
    <rPh sb="5" eb="6">
      <t>ネン</t>
    </rPh>
    <rPh sb="9" eb="10">
      <t>ツキ</t>
    </rPh>
    <rPh sb="14" eb="15">
      <t>ヒ</t>
    </rPh>
    <phoneticPr fontId="3"/>
  </si>
  <si>
    <t>　　　令和　　年　　月　　日上記のとおり完了届の提出があったので、この役務の履行検査</t>
    <rPh sb="3" eb="4">
      <t>レイ</t>
    </rPh>
    <rPh sb="4" eb="5">
      <t>ワ</t>
    </rPh>
    <rPh sb="7" eb="8">
      <t>ネン</t>
    </rPh>
    <rPh sb="10" eb="11">
      <t>ツキ</t>
    </rPh>
    <rPh sb="13" eb="14">
      <t>ヒ</t>
    </rPh>
    <rPh sb="14" eb="16">
      <t>ジョウキ</t>
    </rPh>
    <rPh sb="20" eb="22">
      <t>カンリョウ</t>
    </rPh>
    <rPh sb="22" eb="23">
      <t>トドケ</t>
    </rPh>
    <rPh sb="24" eb="26">
      <t>テイシュツ</t>
    </rPh>
    <rPh sb="35" eb="37">
      <t>エキム</t>
    </rPh>
    <rPh sb="38" eb="40">
      <t>リコウ</t>
    </rPh>
    <rPh sb="40" eb="42">
      <t>ケンサ</t>
    </rPh>
    <phoneticPr fontId="3"/>
  </si>
  <si>
    <t>　　に係る検査員及び立会人については次の者に命じ、令和　　年　　月　　日に検査を実</t>
    <rPh sb="3" eb="4">
      <t>カカ</t>
    </rPh>
    <rPh sb="5" eb="8">
      <t>ケンサイン</t>
    </rPh>
    <rPh sb="8" eb="9">
      <t>オヨ</t>
    </rPh>
    <rPh sb="10" eb="12">
      <t>タチアイ</t>
    </rPh>
    <rPh sb="12" eb="13">
      <t>ニン</t>
    </rPh>
    <rPh sb="18" eb="19">
      <t>ツギ</t>
    </rPh>
    <rPh sb="20" eb="21">
      <t>モノ</t>
    </rPh>
    <rPh sb="22" eb="23">
      <t>メイ</t>
    </rPh>
    <rPh sb="25" eb="26">
      <t>レイ</t>
    </rPh>
    <rPh sb="26" eb="27">
      <t>ワ</t>
    </rPh>
    <rPh sb="29" eb="30">
      <t>ネン</t>
    </rPh>
    <rPh sb="32" eb="33">
      <t>ツキ</t>
    </rPh>
    <rPh sb="35" eb="36">
      <t>ヒ</t>
    </rPh>
    <rPh sb="37" eb="39">
      <t>ケンサ</t>
    </rPh>
    <rPh sb="40" eb="41">
      <t>ミ</t>
    </rPh>
    <phoneticPr fontId="3"/>
  </si>
  <si>
    <t>令和　　年　　　月　　日</t>
    <rPh sb="0" eb="1">
      <t>レイ</t>
    </rPh>
    <rPh sb="1" eb="2">
      <t>ワ</t>
    </rPh>
    <rPh sb="4" eb="5">
      <t>ネン</t>
    </rPh>
    <rPh sb="8" eb="9">
      <t>ガツ</t>
    </rPh>
    <rPh sb="11" eb="12">
      <t>ニチ</t>
    </rPh>
    <phoneticPr fontId="3"/>
  </si>
  <si>
    <t>（</t>
    <phoneticPr fontId="3"/>
  </si>
  <si>
    <t>㎡、傾斜地</t>
    <rPh sb="2" eb="5">
      <t>ケイシャチ</t>
    </rPh>
    <phoneticPr fontId="3"/>
  </si>
  <si>
    <t>）</t>
    <phoneticPr fontId="3"/>
  </si>
  <si>
    <t>608-39</t>
    <phoneticPr fontId="3"/>
  </si>
  <si>
    <t>608-56</t>
    <phoneticPr fontId="3"/>
  </si>
  <si>
    <r>
      <t>4</t>
    </r>
    <r>
      <rPr>
        <sz val="11"/>
        <rFont val="ＭＳ Ｐゴシック"/>
        <family val="3"/>
        <charset val="128"/>
      </rPr>
      <t>7-133外</t>
    </r>
    <rPh sb="6" eb="7">
      <t>ホカ</t>
    </rPh>
    <phoneticPr fontId="3"/>
  </si>
  <si>
    <t>41-1</t>
    <phoneticPr fontId="3"/>
  </si>
  <si>
    <t>41-9外</t>
    <rPh sb="4" eb="5">
      <t>ホカ</t>
    </rPh>
    <phoneticPr fontId="3"/>
  </si>
  <si>
    <t>41-11</t>
    <phoneticPr fontId="3"/>
  </si>
  <si>
    <t>7-2</t>
    <phoneticPr fontId="3"/>
  </si>
  <si>
    <t>北７条東14丁目</t>
    <rPh sb="0" eb="1">
      <t>キタ</t>
    </rPh>
    <rPh sb="2" eb="3">
      <t>ジョウ</t>
    </rPh>
    <rPh sb="3" eb="4">
      <t>ヒガシ</t>
    </rPh>
    <rPh sb="6" eb="8">
      <t>チョウメ</t>
    </rPh>
    <phoneticPr fontId="3"/>
  </si>
  <si>
    <t>111-18外</t>
    <rPh sb="6" eb="7">
      <t>ホカ</t>
    </rPh>
    <phoneticPr fontId="3"/>
  </si>
  <si>
    <t>608-38</t>
    <phoneticPr fontId="3"/>
  </si>
  <si>
    <t>645-13</t>
    <phoneticPr fontId="3"/>
  </si>
  <si>
    <t>備考　札幌市競争入札参加資格者（物品・役務）は、電子メールによる提出（押印不要）を
　　可とする。送信先等の提出方法は札幌市の指示に従うこと。</t>
    <phoneticPr fontId="3"/>
  </si>
  <si>
    <t>西茨戸６条１丁目</t>
    <rPh sb="0" eb="1">
      <t>ニシ</t>
    </rPh>
    <rPh sb="1" eb="2">
      <t>イバラ</t>
    </rPh>
    <rPh sb="2" eb="3">
      <t>ト</t>
    </rPh>
    <rPh sb="4" eb="5">
      <t>ジョウ</t>
    </rPh>
    <rPh sb="6" eb="8">
      <t>チョウメ</t>
    </rPh>
    <phoneticPr fontId="3"/>
  </si>
  <si>
    <t>20-63</t>
    <phoneticPr fontId="3"/>
  </si>
  <si>
    <t>20-103</t>
    <phoneticPr fontId="3"/>
  </si>
  <si>
    <t>20-75</t>
    <phoneticPr fontId="3"/>
  </si>
  <si>
    <t>20-85</t>
    <phoneticPr fontId="3"/>
  </si>
  <si>
    <t>20-77</t>
    <phoneticPr fontId="3"/>
  </si>
  <si>
    <t>20-297</t>
    <phoneticPr fontId="3"/>
  </si>
  <si>
    <t>篠路１条３丁目</t>
    <rPh sb="0" eb="2">
      <t>シノロ</t>
    </rPh>
    <rPh sb="3" eb="4">
      <t>ジョウ</t>
    </rPh>
    <rPh sb="5" eb="7">
      <t>チョウメ</t>
    </rPh>
    <phoneticPr fontId="3"/>
  </si>
  <si>
    <t>1-108外</t>
    <rPh sb="5" eb="6">
      <t>ホカ</t>
    </rPh>
    <phoneticPr fontId="3"/>
  </si>
  <si>
    <t>篠路１条４丁目</t>
    <rPh sb="0" eb="2">
      <t>シノロ</t>
    </rPh>
    <rPh sb="3" eb="4">
      <t>ジョウ</t>
    </rPh>
    <rPh sb="5" eb="7">
      <t>チョウメ</t>
    </rPh>
    <phoneticPr fontId="3"/>
  </si>
  <si>
    <t>1-306外</t>
    <rPh sb="5" eb="6">
      <t>ホカ</t>
    </rPh>
    <phoneticPr fontId="3"/>
  </si>
  <si>
    <t>篠路３条５丁目</t>
    <rPh sb="0" eb="2">
      <t>シノロ</t>
    </rPh>
    <rPh sb="3" eb="4">
      <t>ジョウ</t>
    </rPh>
    <rPh sb="5" eb="7">
      <t>チョウメ</t>
    </rPh>
    <phoneticPr fontId="3"/>
  </si>
  <si>
    <t>40-617</t>
    <phoneticPr fontId="3"/>
  </si>
  <si>
    <t>百合が原９丁目</t>
    <rPh sb="0" eb="2">
      <t>ユリ</t>
    </rPh>
    <rPh sb="3" eb="4">
      <t>ハラ</t>
    </rPh>
    <rPh sb="5" eb="7">
      <t>チョウメ</t>
    </rPh>
    <phoneticPr fontId="3"/>
  </si>
  <si>
    <t>179-59</t>
    <phoneticPr fontId="3"/>
  </si>
  <si>
    <t>拓北５条４丁目</t>
    <rPh sb="0" eb="2">
      <t>タクホク</t>
    </rPh>
    <rPh sb="3" eb="4">
      <t>ジョウ</t>
    </rPh>
    <rPh sb="5" eb="7">
      <t>チョウメ</t>
    </rPh>
    <phoneticPr fontId="3"/>
  </si>
  <si>
    <t>西茨戸６条１丁目</t>
    <rPh sb="0" eb="3">
      <t>ニシバラト</t>
    </rPh>
    <rPh sb="4" eb="5">
      <t>ジョウ</t>
    </rPh>
    <rPh sb="6" eb="8">
      <t>チョウメ</t>
    </rPh>
    <phoneticPr fontId="3"/>
  </si>
  <si>
    <t>20-295外</t>
    <rPh sb="6" eb="7">
      <t>ホカ</t>
    </rPh>
    <phoneticPr fontId="3"/>
  </si>
  <si>
    <t>中沼西１条１丁目</t>
    <rPh sb="0" eb="2">
      <t>ナカヌマ</t>
    </rPh>
    <rPh sb="2" eb="3">
      <t>ニシ</t>
    </rPh>
    <rPh sb="4" eb="5">
      <t>ジョウ</t>
    </rPh>
    <rPh sb="6" eb="8">
      <t>チョウメ</t>
    </rPh>
    <phoneticPr fontId="3"/>
  </si>
  <si>
    <t>108-42外</t>
    <phoneticPr fontId="3"/>
  </si>
  <si>
    <t>中沼西３条１丁目</t>
    <rPh sb="4" eb="5">
      <t>ジョウ</t>
    </rPh>
    <rPh sb="6" eb="8">
      <t>チョウメ</t>
    </rPh>
    <phoneticPr fontId="3"/>
  </si>
  <si>
    <t>117-650外</t>
    <rPh sb="7" eb="8">
      <t>ホカ</t>
    </rPh>
    <phoneticPr fontId="3"/>
  </si>
  <si>
    <t>北区計</t>
    <rPh sb="0" eb="2">
      <t>キタク</t>
    </rPh>
    <rPh sb="2" eb="3">
      <t>ケイ</t>
    </rPh>
    <phoneticPr fontId="3"/>
  </si>
  <si>
    <t>40-613外</t>
    <rPh sb="6" eb="7">
      <t>ホカ</t>
    </rPh>
    <phoneticPr fontId="3"/>
  </si>
  <si>
    <t>篠路４条７丁目</t>
    <rPh sb="0" eb="2">
      <t>シノロ</t>
    </rPh>
    <rPh sb="3" eb="4">
      <t>ジョウ</t>
    </rPh>
    <rPh sb="5" eb="7">
      <t>チョウメ</t>
    </rPh>
    <phoneticPr fontId="3"/>
  </si>
  <si>
    <t>102-39</t>
    <phoneticPr fontId="3"/>
  </si>
  <si>
    <t>66-1外</t>
    <rPh sb="4" eb="5">
      <t>ホカ</t>
    </rPh>
    <phoneticPr fontId="3"/>
  </si>
  <si>
    <t>52-3</t>
    <phoneticPr fontId="3"/>
  </si>
  <si>
    <t>中央3条4丁目</t>
    <rPh sb="0" eb="2">
      <t>チュウオウ</t>
    </rPh>
    <rPh sb="3" eb="4">
      <t>ジョウ</t>
    </rPh>
    <rPh sb="5" eb="7">
      <t>チョウメ</t>
    </rPh>
    <phoneticPr fontId="3"/>
  </si>
  <si>
    <t>24-3</t>
    <phoneticPr fontId="3"/>
  </si>
  <si>
    <t>白）</t>
    <rPh sb="0" eb="1">
      <t>シロ</t>
    </rPh>
    <phoneticPr fontId="3"/>
  </si>
  <si>
    <t>中央3条4丁目</t>
    <rPh sb="0" eb="2">
      <t>チュウオウ</t>
    </rPh>
    <rPh sb="3" eb="4">
      <t>ジョウ</t>
    </rPh>
    <rPh sb="5" eb="7">
      <t>チョウメ</t>
    </rPh>
    <phoneticPr fontId="3"/>
  </si>
  <si>
    <t>24-3</t>
    <phoneticPr fontId="3"/>
  </si>
  <si>
    <t>9-1</t>
    <phoneticPr fontId="3"/>
  </si>
  <si>
    <t>厚別中央4条2丁目</t>
    <rPh sb="0" eb="2">
      <t>アツベツ</t>
    </rPh>
    <rPh sb="2" eb="4">
      <t>チュウオウ</t>
    </rPh>
    <rPh sb="5" eb="6">
      <t>ジョウ</t>
    </rPh>
    <rPh sb="7" eb="9">
      <t>チョウメ</t>
    </rPh>
    <phoneticPr fontId="3"/>
  </si>
  <si>
    <t>9-1</t>
    <phoneticPr fontId="3"/>
  </si>
  <si>
    <t>用地担当部所管地除草業務（その５）作業計画書</t>
    <rPh sb="0" eb="2">
      <t>ヨウチ</t>
    </rPh>
    <rPh sb="2" eb="5">
      <t>タントウブ</t>
    </rPh>
    <rPh sb="5" eb="7">
      <t>ショカン</t>
    </rPh>
    <rPh sb="7" eb="8">
      <t>チ</t>
    </rPh>
    <rPh sb="8" eb="10">
      <t>ジョソウ</t>
    </rPh>
    <rPh sb="10" eb="12">
      <t>ギョウム</t>
    </rPh>
    <rPh sb="17" eb="19">
      <t>サギョウ</t>
    </rPh>
    <rPh sb="19" eb="22">
      <t>ケイカクショ</t>
    </rPh>
    <phoneticPr fontId="3"/>
  </si>
  <si>
    <t>　用地担当部所管地除草業務（その５）実施台帳</t>
    <rPh sb="18" eb="20">
      <t>ジッシ</t>
    </rPh>
    <rPh sb="20" eb="22">
      <t>ダイチョウ</t>
    </rPh>
    <phoneticPr fontId="3"/>
  </si>
  <si>
    <t>用地担当部所管地除草業務（その５）作業実施日一覧表</t>
    <rPh sb="0" eb="2">
      <t>ヨウチ</t>
    </rPh>
    <rPh sb="2" eb="5">
      <t>タントウブ</t>
    </rPh>
    <rPh sb="5" eb="7">
      <t>ショカン</t>
    </rPh>
    <rPh sb="7" eb="8">
      <t>チ</t>
    </rPh>
    <rPh sb="8" eb="10">
      <t>ジョソウ</t>
    </rPh>
    <rPh sb="10" eb="12">
      <t>ギョウム</t>
    </rPh>
    <rPh sb="17" eb="19">
      <t>サギョウ</t>
    </rPh>
    <rPh sb="19" eb="22">
      <t>ジッシビ</t>
    </rPh>
    <rPh sb="22" eb="24">
      <t>イチラン</t>
    </rPh>
    <rPh sb="24" eb="25">
      <t>ヒョウ</t>
    </rPh>
    <phoneticPr fontId="3"/>
  </si>
  <si>
    <t>用地担当部所管地除草業務（その５）
刈草処分一覧表</t>
    <rPh sb="18" eb="19">
      <t>カリ</t>
    </rPh>
    <rPh sb="19" eb="20">
      <t>クサ</t>
    </rPh>
    <rPh sb="20" eb="22">
      <t>ショブン</t>
    </rPh>
    <rPh sb="22" eb="24">
      <t>イチラン</t>
    </rPh>
    <rPh sb="24" eb="25">
      <t>ヒョウ</t>
    </rPh>
    <phoneticPr fontId="3"/>
  </si>
  <si>
    <t>北、東、白石、厚別区合計</t>
    <rPh sb="0" eb="1">
      <t>キタ</t>
    </rPh>
    <rPh sb="2" eb="3">
      <t>ヒガシ</t>
    </rPh>
    <rPh sb="4" eb="5">
      <t>シロ</t>
    </rPh>
    <rPh sb="5" eb="6">
      <t>イシ</t>
    </rPh>
    <rPh sb="7" eb="9">
      <t>アツベツ</t>
    </rPh>
    <rPh sb="9" eb="10">
      <t>ク</t>
    </rPh>
    <rPh sb="10" eb="12">
      <t>ゴウケイ</t>
    </rPh>
    <phoneticPr fontId="3"/>
  </si>
  <si>
    <t>用地担当部所管地除草業務（その５）</t>
    <rPh sb="0" eb="5">
      <t>ヨウチタントウブ</t>
    </rPh>
    <rPh sb="5" eb="8">
      <t>ショカンチ</t>
    </rPh>
    <rPh sb="8" eb="10">
      <t>ジョソウ</t>
    </rPh>
    <rPh sb="10" eb="12">
      <t>ギョウム</t>
    </rPh>
    <phoneticPr fontId="3"/>
  </si>
  <si>
    <t>　用地担当部所管地除草業務（その５）</t>
    <rPh sb="1" eb="6">
      <t>ヨウチタントウブ</t>
    </rPh>
    <rPh sb="6" eb="9">
      <t>ショカンチ</t>
    </rPh>
    <rPh sb="9" eb="11">
      <t>ジョソウ</t>
    </rPh>
    <rPh sb="11" eb="13">
      <t>ギョウム</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quot;用地担当部所管地除草&quot;&quot;業&quot;&quot;務&quot;\(&quot;そ&quot;&quot;の&quot;#,##0\)"/>
    <numFmt numFmtId="177" formatCode="&quot;用地担当部所管地除草&quot;&quot;業&quot;&quot;務&quot;\(&quot;そ&quot;&quot;の&quot;#,##0\)&quot;実&quot;&quot;施&quot;&quot;台&quot;&quot;帳&quot;"/>
    <numFmt numFmtId="178" formatCode="&quot;( &quot;0&quot; )&quot;"/>
    <numFmt numFmtId="179" formatCode="#,##0.00_ ;[Red]\-#,##0.00\ "/>
  </numFmts>
  <fonts count="15">
    <font>
      <sz val="11"/>
      <name val="ＭＳ Ｐゴシック"/>
      <family val="3"/>
      <charset val="128"/>
    </font>
    <font>
      <sz val="11"/>
      <name val="ＭＳ Ｐゴシック"/>
      <family val="3"/>
      <charset val="128"/>
    </font>
    <font>
      <u/>
      <sz val="11"/>
      <color indexed="36"/>
      <name val="ＭＳ Ｐゴシック"/>
      <family val="3"/>
      <charset val="128"/>
    </font>
    <font>
      <sz val="6"/>
      <name val="ＭＳ Ｐゴシック"/>
      <family val="3"/>
      <charset val="128"/>
    </font>
    <font>
      <sz val="11"/>
      <name val="ＭＳ Ｐ明朝"/>
      <family val="1"/>
      <charset val="128"/>
    </font>
    <font>
      <b/>
      <sz val="9"/>
      <color indexed="81"/>
      <name val="ＭＳ Ｐゴシック"/>
      <family val="3"/>
      <charset val="128"/>
    </font>
    <font>
      <sz val="9"/>
      <color indexed="81"/>
      <name val="ＭＳ Ｐゴシック"/>
      <family val="3"/>
      <charset val="128"/>
    </font>
    <font>
      <sz val="12"/>
      <name val="ＭＳ Ｐ明朝"/>
      <family val="1"/>
      <charset val="128"/>
    </font>
    <font>
      <sz val="10"/>
      <name val="ＭＳ Ｐ明朝"/>
      <family val="1"/>
      <charset val="128"/>
    </font>
    <font>
      <sz val="12"/>
      <name val="ＭＳ Ｐゴシック"/>
      <family val="3"/>
      <charset val="128"/>
    </font>
    <font>
      <sz val="16"/>
      <name val="ＭＳ Ｐゴシック"/>
      <family val="3"/>
      <charset val="128"/>
    </font>
    <font>
      <sz val="14"/>
      <name val="ＭＳ Ｐ明朝"/>
      <family val="1"/>
      <charset val="128"/>
    </font>
    <font>
      <sz val="22"/>
      <name val="ＭＳ Ｐ明朝"/>
      <family val="1"/>
      <charset val="128"/>
    </font>
    <font>
      <sz val="14"/>
      <name val="ＭＳ Ｐゴシック"/>
      <family val="3"/>
      <charset val="128"/>
    </font>
    <font>
      <sz val="11"/>
      <color indexed="8"/>
      <name val="ＭＳ Ｐゴシック"/>
      <family val="3"/>
      <charset val="128"/>
    </font>
  </fonts>
  <fills count="2">
    <fill>
      <patternFill patternType="none"/>
    </fill>
    <fill>
      <patternFill patternType="gray125"/>
    </fill>
  </fills>
  <borders count="46">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dashed">
        <color indexed="64"/>
      </right>
      <top/>
      <bottom/>
      <diagonal/>
    </border>
    <border>
      <left style="dashed">
        <color indexed="64"/>
      </left>
      <right/>
      <top style="dashed">
        <color indexed="64"/>
      </top>
      <bottom/>
      <diagonal/>
    </border>
    <border>
      <left/>
      <right/>
      <top style="dashed">
        <color indexed="64"/>
      </top>
      <bottom/>
      <diagonal/>
    </border>
    <border>
      <left/>
      <right style="dashed">
        <color indexed="64"/>
      </right>
      <top style="dashed">
        <color indexed="64"/>
      </top>
      <bottom/>
      <diagonal/>
    </border>
    <border>
      <left style="dashed">
        <color indexed="64"/>
      </left>
      <right/>
      <top/>
      <bottom/>
      <diagonal/>
    </border>
    <border>
      <left style="dashed">
        <color indexed="64"/>
      </left>
      <right/>
      <top/>
      <bottom style="dashed">
        <color indexed="64"/>
      </bottom>
      <diagonal/>
    </border>
    <border>
      <left/>
      <right/>
      <top/>
      <bottom style="dashed">
        <color indexed="64"/>
      </bottom>
      <diagonal/>
    </border>
    <border>
      <left/>
      <right style="dashed">
        <color indexed="64"/>
      </right>
      <top/>
      <bottom style="dashed">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style="hair">
        <color indexed="64"/>
      </top>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diagonal/>
    </border>
    <border>
      <left style="hair">
        <color indexed="64"/>
      </left>
      <right style="thin">
        <color indexed="64"/>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top style="hair">
        <color indexed="64"/>
      </top>
      <bottom style="hair">
        <color indexed="64"/>
      </bottom>
      <diagonal/>
    </border>
  </borders>
  <cellStyleXfs count="6">
    <xf numFmtId="0" fontId="0" fillId="0" borderId="0"/>
    <xf numFmtId="38" fontId="1" fillId="0" borderId="0" applyFont="0" applyFill="0" applyBorder="0" applyAlignment="0" applyProtection="0"/>
    <xf numFmtId="0" fontId="1" fillId="0" borderId="0">
      <alignment vertical="center"/>
    </xf>
    <xf numFmtId="0" fontId="14" fillId="0" borderId="0"/>
    <xf numFmtId="0" fontId="1" fillId="0" borderId="0">
      <alignment vertical="center"/>
    </xf>
    <xf numFmtId="0" fontId="1" fillId="0" borderId="0">
      <alignment vertical="center"/>
    </xf>
  </cellStyleXfs>
  <cellXfs count="244">
    <xf numFmtId="0" fontId="0" fillId="0" borderId="0" xfId="0"/>
    <xf numFmtId="0" fontId="4" fillId="0" borderId="0" xfId="0" applyFont="1" applyBorder="1"/>
    <xf numFmtId="0" fontId="4" fillId="0" borderId="1" xfId="0" applyFont="1" applyBorder="1" applyAlignment="1">
      <alignment horizontal="center" vertical="center"/>
    </xf>
    <xf numFmtId="0" fontId="4" fillId="0" borderId="1" xfId="0" applyFont="1" applyBorder="1"/>
    <xf numFmtId="0" fontId="4" fillId="0" borderId="2" xfId="0" applyFont="1" applyBorder="1" applyAlignment="1">
      <alignment horizontal="center" vertical="center"/>
    </xf>
    <xf numFmtId="0" fontId="4" fillId="0" borderId="0" xfId="0" applyFont="1"/>
    <xf numFmtId="0" fontId="1" fillId="0" borderId="0" xfId="4" applyFill="1">
      <alignment vertical="center"/>
    </xf>
    <xf numFmtId="0" fontId="0" fillId="0" borderId="0" xfId="0" applyBorder="1"/>
    <xf numFmtId="0" fontId="7" fillId="0" borderId="0" xfId="0" applyFont="1" applyBorder="1"/>
    <xf numFmtId="0" fontId="7" fillId="0" borderId="5" xfId="0" applyFont="1" applyBorder="1"/>
    <xf numFmtId="0" fontId="7" fillId="0" borderId="7" xfId="0" applyFont="1" applyBorder="1"/>
    <xf numFmtId="0" fontId="7" fillId="0" borderId="8" xfId="0" applyFont="1" applyBorder="1"/>
    <xf numFmtId="0" fontId="7" fillId="0" borderId="9" xfId="0" applyFont="1" applyBorder="1"/>
    <xf numFmtId="0" fontId="7" fillId="0" borderId="10" xfId="0" applyFont="1" applyBorder="1"/>
    <xf numFmtId="0" fontId="7" fillId="0" borderId="1" xfId="0" applyFont="1" applyBorder="1"/>
    <xf numFmtId="0" fontId="7" fillId="0" borderId="11" xfId="0" applyFont="1" applyBorder="1"/>
    <xf numFmtId="0" fontId="7" fillId="0" borderId="12" xfId="0" applyFont="1" applyBorder="1"/>
    <xf numFmtId="0" fontId="7" fillId="0" borderId="13" xfId="0" applyFont="1" applyBorder="1"/>
    <xf numFmtId="0" fontId="7" fillId="0" borderId="3" xfId="0" applyFont="1" applyBorder="1"/>
    <xf numFmtId="0" fontId="7" fillId="0" borderId="0" xfId="0" applyFont="1" applyBorder="1" applyAlignment="1">
      <alignment horizontal="right"/>
    </xf>
    <xf numFmtId="0" fontId="9" fillId="0" borderId="0" xfId="0" applyFont="1"/>
    <xf numFmtId="0" fontId="7" fillId="0" borderId="9" xfId="0" applyFont="1" applyBorder="1" applyAlignment="1"/>
    <xf numFmtId="0" fontId="4" fillId="0" borderId="3" xfId="0" applyFont="1" applyBorder="1"/>
    <xf numFmtId="0" fontId="4" fillId="0" borderId="5" xfId="0" applyFont="1" applyBorder="1"/>
    <xf numFmtId="0" fontId="4" fillId="0" borderId="7" xfId="0" applyFont="1" applyBorder="1"/>
    <xf numFmtId="0" fontId="4" fillId="0" borderId="8" xfId="0" applyFont="1" applyBorder="1"/>
    <xf numFmtId="0" fontId="4" fillId="0" borderId="9" xfId="0" applyFont="1" applyBorder="1"/>
    <xf numFmtId="0" fontId="4" fillId="0" borderId="10" xfId="0" applyFont="1" applyBorder="1"/>
    <xf numFmtId="0" fontId="4" fillId="0" borderId="11" xfId="0" applyFont="1" applyBorder="1"/>
    <xf numFmtId="0" fontId="4" fillId="0" borderId="0" xfId="0" applyFont="1" applyAlignment="1">
      <alignment horizontal="center" vertical="center"/>
    </xf>
    <xf numFmtId="0" fontId="4" fillId="0" borderId="15" xfId="0" applyFont="1" applyBorder="1" applyAlignment="1">
      <alignment horizontal="center" vertical="center"/>
    </xf>
    <xf numFmtId="0" fontId="4" fillId="0" borderId="6" xfId="0" applyFont="1" applyBorder="1" applyAlignment="1">
      <alignment horizontal="center" vertical="center"/>
    </xf>
    <xf numFmtId="0" fontId="4" fillId="0" borderId="4" xfId="0" applyFont="1" applyBorder="1" applyAlignment="1">
      <alignment horizontal="center" vertical="center"/>
    </xf>
    <xf numFmtId="0" fontId="8" fillId="0" borderId="12" xfId="0" applyFont="1" applyBorder="1" applyAlignment="1">
      <alignment horizontal="left" vertical="center"/>
    </xf>
    <xf numFmtId="0" fontId="4" fillId="0" borderId="16" xfId="0" applyFont="1" applyBorder="1"/>
    <xf numFmtId="0" fontId="4" fillId="0" borderId="17" xfId="0" applyFont="1" applyBorder="1"/>
    <xf numFmtId="0" fontId="4" fillId="0" borderId="18" xfId="0" applyFont="1" applyBorder="1"/>
    <xf numFmtId="0" fontId="4" fillId="0" borderId="19" xfId="0" applyFont="1" applyBorder="1"/>
    <xf numFmtId="0" fontId="4" fillId="0" borderId="13" xfId="0" applyFont="1" applyBorder="1"/>
    <xf numFmtId="0" fontId="4" fillId="0" borderId="12" xfId="0" applyFont="1" applyBorder="1"/>
    <xf numFmtId="0" fontId="4" fillId="0" borderId="20" xfId="0" applyFont="1" applyBorder="1"/>
    <xf numFmtId="0" fontId="4" fillId="0" borderId="12" xfId="0" applyFont="1" applyBorder="1" applyAlignment="1"/>
    <xf numFmtId="0" fontId="4" fillId="0" borderId="21" xfId="0" applyFont="1" applyBorder="1"/>
    <xf numFmtId="0" fontId="4" fillId="0" borderId="22" xfId="0" applyFont="1" applyBorder="1"/>
    <xf numFmtId="0" fontId="4" fillId="0" borderId="23" xfId="0" applyFont="1" applyBorder="1"/>
    <xf numFmtId="0" fontId="4" fillId="0" borderId="3" xfId="0" applyFont="1" applyBorder="1" applyAlignment="1">
      <alignment horizontal="center" vertical="center"/>
    </xf>
    <xf numFmtId="0" fontId="0" fillId="0" borderId="10" xfId="0" applyBorder="1" applyAlignment="1"/>
    <xf numFmtId="0" fontId="0" fillId="0" borderId="10" xfId="0" applyBorder="1"/>
    <xf numFmtId="0" fontId="0" fillId="0" borderId="0" xfId="0" applyBorder="1" applyAlignment="1"/>
    <xf numFmtId="0" fontId="11" fillId="0" borderId="12" xfId="0" applyFont="1" applyBorder="1"/>
    <xf numFmtId="0" fontId="11" fillId="0" borderId="0" xfId="0" applyFont="1" applyBorder="1"/>
    <xf numFmtId="0" fontId="11" fillId="0" borderId="13" xfId="0" applyFont="1" applyBorder="1"/>
    <xf numFmtId="0" fontId="11" fillId="0" borderId="0" xfId="0" applyFont="1" applyBorder="1" applyAlignment="1">
      <alignment horizontal="distributed"/>
    </xf>
    <xf numFmtId="0" fontId="11" fillId="0" borderId="0" xfId="0" applyFont="1" applyBorder="1" applyAlignment="1">
      <alignment horizontal="right"/>
    </xf>
    <xf numFmtId="0" fontId="11" fillId="0" borderId="13" xfId="0" applyFont="1" applyBorder="1" applyAlignment="1">
      <alignment horizontal="center"/>
    </xf>
    <xf numFmtId="0" fontId="11" fillId="0" borderId="12" xfId="0" applyFont="1" applyBorder="1" applyAlignment="1"/>
    <xf numFmtId="0" fontId="0" fillId="0" borderId="14" xfId="0" applyBorder="1"/>
    <xf numFmtId="0" fontId="4" fillId="0" borderId="6" xfId="0" applyFont="1" applyBorder="1" applyAlignment="1">
      <alignment vertical="center"/>
    </xf>
    <xf numFmtId="0" fontId="12" fillId="0" borderId="11" xfId="0" applyFont="1" applyBorder="1" applyAlignment="1">
      <alignment horizontal="center"/>
    </xf>
    <xf numFmtId="0" fontId="12" fillId="0" borderId="0" xfId="0" applyFont="1" applyBorder="1" applyAlignment="1">
      <alignment horizontal="center"/>
    </xf>
    <xf numFmtId="0" fontId="7" fillId="0" borderId="10" xfId="0" applyFont="1" applyBorder="1" applyAlignment="1"/>
    <xf numFmtId="0" fontId="7" fillId="0" borderId="10" xfId="0" applyFont="1" applyBorder="1" applyAlignment="1">
      <alignment horizontal="distributed"/>
    </xf>
    <xf numFmtId="0" fontId="7" fillId="0" borderId="11" xfId="0" applyFont="1" applyBorder="1" applyAlignment="1"/>
    <xf numFmtId="0" fontId="0" fillId="0" borderId="5" xfId="0" applyBorder="1"/>
    <xf numFmtId="0" fontId="0" fillId="0" borderId="7" xfId="0" applyBorder="1"/>
    <xf numFmtId="0" fontId="0" fillId="0" borderId="8" xfId="0" applyBorder="1"/>
    <xf numFmtId="0" fontId="13" fillId="0" borderId="0" xfId="0" applyFont="1" applyAlignment="1">
      <alignment vertical="center"/>
    </xf>
    <xf numFmtId="0" fontId="13" fillId="0" borderId="4" xfId="0" applyFont="1" applyBorder="1" applyAlignment="1">
      <alignment horizontal="center" vertical="center"/>
    </xf>
    <xf numFmtId="0" fontId="13" fillId="0" borderId="4" xfId="0" applyFont="1" applyBorder="1" applyAlignment="1">
      <alignment vertical="center"/>
    </xf>
    <xf numFmtId="0" fontId="13" fillId="0" borderId="0" xfId="0" applyFont="1" applyAlignment="1">
      <alignment vertical="center" wrapText="1"/>
    </xf>
    <xf numFmtId="0" fontId="1" fillId="0" borderId="0" xfId="4" applyFill="1" applyAlignment="1">
      <alignment horizontal="center" vertical="center"/>
    </xf>
    <xf numFmtId="0" fontId="1" fillId="0" borderId="0" xfId="4" applyFill="1" applyAlignment="1">
      <alignment vertical="center"/>
    </xf>
    <xf numFmtId="0" fontId="1" fillId="0" borderId="0" xfId="4" applyFont="1" applyFill="1" applyAlignment="1">
      <alignment horizontal="center" vertical="center"/>
    </xf>
    <xf numFmtId="49" fontId="1" fillId="0" borderId="26" xfId="4" applyNumberFormat="1" applyFont="1" applyFill="1" applyBorder="1" applyAlignment="1">
      <alignment vertical="center"/>
    </xf>
    <xf numFmtId="179" fontId="1" fillId="0" borderId="29" xfId="4" applyNumberFormat="1" applyFill="1" applyBorder="1" applyAlignment="1">
      <alignment horizontal="center" vertical="center" wrapText="1"/>
    </xf>
    <xf numFmtId="0" fontId="1" fillId="0" borderId="0" xfId="4" applyFont="1" applyFill="1" applyBorder="1" applyAlignment="1">
      <alignment horizontal="right" vertical="center"/>
    </xf>
    <xf numFmtId="0" fontId="14" fillId="0" borderId="26" xfId="3" applyFont="1" applyFill="1" applyBorder="1" applyAlignment="1">
      <alignment vertical="center" wrapText="1"/>
    </xf>
    <xf numFmtId="0" fontId="14" fillId="0" borderId="26" xfId="3" applyFont="1" applyFill="1" applyBorder="1" applyAlignment="1">
      <alignment horizontal="center" vertical="center" wrapText="1"/>
    </xf>
    <xf numFmtId="40" fontId="1" fillId="0" borderId="32" xfId="1" applyNumberFormat="1" applyFill="1" applyBorder="1" applyAlignment="1">
      <alignment vertical="center"/>
    </xf>
    <xf numFmtId="40" fontId="1" fillId="0" borderId="0" xfId="1" applyNumberFormat="1" applyFill="1" applyAlignment="1">
      <alignment vertical="center"/>
    </xf>
    <xf numFmtId="0" fontId="4" fillId="0" borderId="6" xfId="0" applyFont="1" applyBorder="1" applyAlignment="1">
      <alignment horizontal="center" vertical="center" shrinkToFit="1"/>
    </xf>
    <xf numFmtId="0" fontId="4" fillId="0" borderId="10" xfId="0" applyFont="1" applyBorder="1" applyAlignment="1">
      <alignment horizontal="right"/>
    </xf>
    <xf numFmtId="0" fontId="0" fillId="0" borderId="26" xfId="4" applyFont="1" applyFill="1" applyBorder="1">
      <alignment vertical="center"/>
    </xf>
    <xf numFmtId="49" fontId="0" fillId="0" borderId="26" xfId="4" applyNumberFormat="1" applyFont="1" applyFill="1" applyBorder="1" applyAlignment="1">
      <alignment vertical="center"/>
    </xf>
    <xf numFmtId="0" fontId="0" fillId="0" borderId="26" xfId="4" applyFont="1" applyFill="1" applyBorder="1" applyAlignment="1">
      <alignment horizontal="center" vertical="center"/>
    </xf>
    <xf numFmtId="0" fontId="1" fillId="0" borderId="29" xfId="4" applyFill="1" applyBorder="1" applyAlignment="1">
      <alignment vertical="center" wrapText="1"/>
    </xf>
    <xf numFmtId="0" fontId="14" fillId="0" borderId="31" xfId="3" applyFont="1" applyFill="1" applyBorder="1" applyAlignment="1">
      <alignment horizontal="center" vertical="center" wrapText="1"/>
    </xf>
    <xf numFmtId="0" fontId="14" fillId="0" borderId="31" xfId="3" applyNumberFormat="1" applyFont="1" applyFill="1" applyBorder="1" applyAlignment="1">
      <alignment horizontal="center" vertical="center" wrapText="1"/>
    </xf>
    <xf numFmtId="178" fontId="14" fillId="0" borderId="31" xfId="3" applyNumberFormat="1" applyFont="1" applyFill="1" applyBorder="1" applyAlignment="1">
      <alignment horizontal="center" vertical="center" wrapText="1"/>
    </xf>
    <xf numFmtId="0" fontId="4" fillId="0" borderId="0" xfId="0" applyFont="1" applyAlignment="1">
      <alignment horizontal="center" vertical="center"/>
    </xf>
    <xf numFmtId="0" fontId="0" fillId="0" borderId="0" xfId="0" applyFont="1" applyAlignment="1">
      <alignment horizontal="right" vertical="center"/>
    </xf>
    <xf numFmtId="0" fontId="0" fillId="0" borderId="26" xfId="4" applyFont="1" applyFill="1" applyBorder="1" applyAlignment="1">
      <alignment vertical="center"/>
    </xf>
    <xf numFmtId="49" fontId="14" fillId="0" borderId="26" xfId="3" applyNumberFormat="1" applyFont="1" applyFill="1" applyBorder="1" applyAlignment="1">
      <alignment vertical="center"/>
    </xf>
    <xf numFmtId="0" fontId="1" fillId="0" borderId="26" xfId="4" applyFont="1" applyFill="1" applyBorder="1">
      <alignment vertical="center"/>
    </xf>
    <xf numFmtId="0" fontId="1" fillId="0" borderId="37" xfId="4" applyFont="1" applyFill="1" applyBorder="1" applyAlignment="1">
      <alignment horizontal="center" vertical="center"/>
    </xf>
    <xf numFmtId="0" fontId="1" fillId="0" borderId="36" xfId="4" applyFill="1" applyBorder="1" applyAlignment="1">
      <alignment horizontal="center" vertical="center"/>
    </xf>
    <xf numFmtId="0" fontId="1" fillId="0" borderId="26" xfId="4" applyFill="1" applyBorder="1" applyAlignment="1">
      <alignment horizontal="center" vertical="center"/>
    </xf>
    <xf numFmtId="0" fontId="1" fillId="0" borderId="44" xfId="4" applyFill="1" applyBorder="1" applyAlignment="1">
      <alignment horizontal="center" vertical="center"/>
    </xf>
    <xf numFmtId="0" fontId="14" fillId="0" borderId="35" xfId="3" applyFont="1" applyFill="1" applyBorder="1" applyAlignment="1">
      <alignment horizontal="center" vertical="center" wrapText="1"/>
    </xf>
    <xf numFmtId="0" fontId="14" fillId="0" borderId="35" xfId="3" applyNumberFormat="1" applyFont="1" applyFill="1" applyBorder="1" applyAlignment="1">
      <alignment horizontal="center" vertical="center" wrapText="1"/>
    </xf>
    <xf numFmtId="178" fontId="14" fillId="0" borderId="35" xfId="3" applyNumberFormat="1" applyFont="1" applyFill="1" applyBorder="1" applyAlignment="1">
      <alignment horizontal="center" vertical="center" wrapText="1"/>
    </xf>
    <xf numFmtId="0" fontId="0" fillId="0" borderId="26" xfId="0" applyFill="1" applyBorder="1" applyAlignment="1">
      <alignment horizontal="center" vertical="center"/>
    </xf>
    <xf numFmtId="0" fontId="0" fillId="0" borderId="26" xfId="0" applyFill="1" applyBorder="1" applyAlignment="1">
      <alignment vertical="center"/>
    </xf>
    <xf numFmtId="49" fontId="0" fillId="0" borderId="26" xfId="0" applyNumberFormat="1" applyFill="1" applyBorder="1" applyAlignment="1">
      <alignment vertical="center"/>
    </xf>
    <xf numFmtId="0" fontId="1" fillId="0" borderId="37" xfId="4" applyFill="1" applyBorder="1" applyAlignment="1">
      <alignment horizontal="center" vertical="center"/>
    </xf>
    <xf numFmtId="0" fontId="1" fillId="0" borderId="28" xfId="4" applyFill="1" applyBorder="1" applyAlignment="1">
      <alignment horizontal="center" vertical="center"/>
    </xf>
    <xf numFmtId="0" fontId="1" fillId="0" borderId="26" xfId="5" applyFill="1" applyBorder="1" applyAlignment="1">
      <alignment horizontal="center" vertical="center"/>
    </xf>
    <xf numFmtId="0" fontId="0" fillId="0" borderId="26" xfId="5" applyFont="1" applyFill="1" applyBorder="1">
      <alignment vertical="center"/>
    </xf>
    <xf numFmtId="0" fontId="0" fillId="0" borderId="26" xfId="5" applyFont="1" applyFill="1" applyBorder="1" applyAlignment="1">
      <alignment horizontal="center" vertical="center"/>
    </xf>
    <xf numFmtId="0" fontId="1" fillId="0" borderId="26" xfId="4" applyFill="1" applyBorder="1" applyAlignment="1">
      <alignment horizontal="center" vertical="center"/>
    </xf>
    <xf numFmtId="40" fontId="14" fillId="0" borderId="26" xfId="1" applyNumberFormat="1" applyFont="1" applyFill="1" applyBorder="1" applyAlignment="1">
      <alignment horizontal="right" vertical="center"/>
    </xf>
    <xf numFmtId="40" fontId="1" fillId="0" borderId="26" xfId="1" applyNumberFormat="1" applyFont="1" applyFill="1" applyBorder="1" applyAlignment="1">
      <alignment vertical="center"/>
    </xf>
    <xf numFmtId="40" fontId="1" fillId="0" borderId="26" xfId="1" applyNumberFormat="1" applyFill="1" applyBorder="1" applyAlignment="1">
      <alignment vertical="center"/>
    </xf>
    <xf numFmtId="0" fontId="0" fillId="0" borderId="27" xfId="4" applyFont="1" applyFill="1" applyBorder="1" applyAlignment="1">
      <alignment horizontal="right" vertical="center"/>
    </xf>
    <xf numFmtId="0" fontId="9" fillId="0" borderId="0" xfId="4" applyFont="1" applyFill="1" applyAlignment="1">
      <alignment horizontal="center" vertical="center"/>
    </xf>
    <xf numFmtId="40" fontId="9" fillId="0" borderId="0" xfId="1" applyNumberFormat="1" applyFont="1" applyFill="1" applyAlignment="1">
      <alignment vertical="center"/>
    </xf>
    <xf numFmtId="0" fontId="9" fillId="0" borderId="0" xfId="4" applyFont="1" applyFill="1">
      <alignment vertical="center"/>
    </xf>
    <xf numFmtId="40" fontId="9" fillId="0" borderId="0" xfId="1" applyNumberFormat="1" applyFont="1" applyFill="1" applyAlignment="1">
      <alignment horizontal="center" vertical="center"/>
    </xf>
    <xf numFmtId="0" fontId="0" fillId="0" borderId="0" xfId="4" applyFont="1" applyFill="1" applyBorder="1" applyAlignment="1">
      <alignment horizontal="right" vertical="center"/>
    </xf>
    <xf numFmtId="0" fontId="1" fillId="0" borderId="26" xfId="4" applyFont="1" applyFill="1" applyBorder="1" applyAlignment="1">
      <alignment horizontal="center" vertical="center"/>
    </xf>
    <xf numFmtId="0" fontId="1" fillId="0" borderId="26" xfId="4" applyFont="1" applyFill="1" applyBorder="1" applyAlignment="1">
      <alignment horizontal="center" vertical="center"/>
    </xf>
    <xf numFmtId="0" fontId="0" fillId="0" borderId="35" xfId="4" applyFont="1" applyFill="1" applyBorder="1" applyAlignment="1">
      <alignment horizontal="center" vertical="center"/>
    </xf>
    <xf numFmtId="40" fontId="1" fillId="0" borderId="35" xfId="1" applyNumberFormat="1" applyFill="1" applyBorder="1" applyAlignment="1">
      <alignment vertical="center"/>
    </xf>
    <xf numFmtId="0" fontId="11" fillId="0" borderId="12" xfId="0" applyFont="1" applyBorder="1" applyAlignment="1">
      <alignment horizontal="right"/>
    </xf>
    <xf numFmtId="0" fontId="11" fillId="0" borderId="0" xfId="0" applyFont="1" applyBorder="1" applyAlignment="1">
      <alignment horizontal="left"/>
    </xf>
    <xf numFmtId="0" fontId="1" fillId="0" borderId="28" xfId="4" applyFill="1" applyBorder="1" applyAlignment="1">
      <alignment horizontal="center" vertical="center"/>
    </xf>
    <xf numFmtId="0" fontId="1" fillId="0" borderId="28" xfId="4" applyFill="1" applyBorder="1" applyAlignment="1">
      <alignment horizontal="center" vertical="center"/>
    </xf>
    <xf numFmtId="0" fontId="1" fillId="0" borderId="26" xfId="4" applyFill="1" applyBorder="1" applyAlignment="1">
      <alignment horizontal="center" vertical="center"/>
    </xf>
    <xf numFmtId="40" fontId="1" fillId="0" borderId="26" xfId="1" applyNumberFormat="1" applyFill="1" applyBorder="1" applyAlignment="1">
      <alignment horizontal="center" vertical="center" wrapText="1"/>
    </xf>
    <xf numFmtId="40" fontId="1" fillId="0" borderId="35" xfId="1" applyNumberFormat="1" applyFill="1" applyBorder="1" applyAlignment="1">
      <alignment horizontal="center" vertical="center" wrapText="1"/>
    </xf>
    <xf numFmtId="0" fontId="1" fillId="0" borderId="27" xfId="4" applyFill="1" applyBorder="1" applyAlignment="1">
      <alignment horizontal="center" vertical="center"/>
    </xf>
    <xf numFmtId="0" fontId="1" fillId="0" borderId="35" xfId="4" applyFont="1" applyFill="1" applyBorder="1" applyAlignment="1">
      <alignment vertical="center"/>
    </xf>
    <xf numFmtId="40" fontId="1" fillId="0" borderId="35" xfId="1" applyNumberFormat="1" applyFont="1" applyFill="1" applyBorder="1" applyAlignment="1">
      <alignment vertical="center"/>
    </xf>
    <xf numFmtId="0" fontId="1" fillId="0" borderId="35" xfId="4" applyFill="1" applyBorder="1" applyAlignment="1">
      <alignment horizontal="center" vertical="center"/>
    </xf>
    <xf numFmtId="49" fontId="0" fillId="0" borderId="30" xfId="4" applyNumberFormat="1" applyFont="1" applyFill="1" applyBorder="1" applyAlignment="1">
      <alignment vertical="center"/>
    </xf>
    <xf numFmtId="40" fontId="1" fillId="0" borderId="30" xfId="1" applyNumberFormat="1" applyFill="1" applyBorder="1" applyAlignment="1">
      <alignment vertical="center"/>
    </xf>
    <xf numFmtId="0" fontId="0" fillId="0" borderId="30" xfId="4" applyFont="1" applyFill="1" applyBorder="1">
      <alignment vertical="center"/>
    </xf>
    <xf numFmtId="49" fontId="0" fillId="0" borderId="25" xfId="4" applyNumberFormat="1" applyFont="1" applyFill="1" applyBorder="1" applyAlignment="1">
      <alignment vertical="center"/>
    </xf>
    <xf numFmtId="0" fontId="1" fillId="0" borderId="44" xfId="4" applyFont="1" applyFill="1" applyBorder="1" applyAlignment="1">
      <alignment horizontal="center" vertical="center"/>
    </xf>
    <xf numFmtId="49" fontId="1" fillId="0" borderId="35" xfId="0" applyNumberFormat="1" applyFont="1" applyFill="1" applyBorder="1" applyAlignment="1">
      <alignment vertical="center"/>
    </xf>
    <xf numFmtId="0" fontId="0" fillId="0" borderId="43" xfId="4" applyFont="1" applyFill="1" applyBorder="1" applyAlignment="1">
      <alignment horizontal="right" vertical="center"/>
    </xf>
    <xf numFmtId="0" fontId="14" fillId="0" borderId="36" xfId="3" applyFont="1" applyFill="1" applyBorder="1" applyAlignment="1">
      <alignment horizontal="center" vertical="center" wrapText="1"/>
    </xf>
    <xf numFmtId="0" fontId="14" fillId="0" borderId="36" xfId="3" applyNumberFormat="1" applyFont="1" applyFill="1" applyBorder="1" applyAlignment="1">
      <alignment horizontal="center" vertical="center" wrapText="1"/>
    </xf>
    <xf numFmtId="178" fontId="14" fillId="0" borderId="36" xfId="3" applyNumberFormat="1" applyFont="1" applyFill="1" applyBorder="1" applyAlignment="1">
      <alignment horizontal="center" vertical="center" wrapText="1"/>
    </xf>
    <xf numFmtId="0" fontId="0" fillId="0" borderId="33" xfId="4" applyFont="1" applyFill="1" applyBorder="1" applyAlignment="1">
      <alignment horizontal="right" vertical="center"/>
    </xf>
    <xf numFmtId="40" fontId="1" fillId="0" borderId="35" xfId="1" applyNumberFormat="1" applyFill="1" applyBorder="1" applyAlignment="1">
      <alignment horizontal="right" vertical="center" wrapText="1"/>
    </xf>
    <xf numFmtId="40" fontId="1" fillId="0" borderId="26" xfId="1" applyNumberFormat="1" applyFill="1" applyBorder="1" applyAlignment="1">
      <alignment horizontal="right" vertical="center" wrapText="1"/>
    </xf>
    <xf numFmtId="0" fontId="1" fillId="0" borderId="26" xfId="4" applyFont="1" applyFill="1" applyBorder="1" applyAlignment="1">
      <alignment horizontal="center" vertical="center"/>
    </xf>
    <xf numFmtId="40" fontId="1" fillId="0" borderId="26" xfId="1" applyNumberFormat="1" applyFill="1" applyBorder="1" applyAlignment="1">
      <alignment horizontal="right" vertical="center"/>
    </xf>
    <xf numFmtId="0" fontId="1" fillId="0" borderId="0" xfId="4" applyFill="1" applyBorder="1" applyAlignment="1">
      <alignment horizontal="center" vertical="center"/>
    </xf>
    <xf numFmtId="0" fontId="1" fillId="0" borderId="28" xfId="4" applyFont="1" applyFill="1" applyBorder="1" applyAlignment="1">
      <alignment horizontal="center" vertical="center"/>
    </xf>
    <xf numFmtId="0" fontId="1" fillId="0" borderId="39" xfId="4" applyFont="1" applyFill="1" applyBorder="1" applyAlignment="1">
      <alignment horizontal="center" vertical="center"/>
    </xf>
    <xf numFmtId="0" fontId="1" fillId="0" borderId="26" xfId="4" applyFill="1" applyBorder="1" applyAlignment="1">
      <alignment horizontal="center" vertical="center"/>
    </xf>
    <xf numFmtId="40" fontId="1" fillId="0" borderId="26" xfId="1" applyNumberFormat="1" applyFill="1" applyBorder="1" applyAlignment="1">
      <alignment horizontal="center" vertical="center" wrapText="1"/>
    </xf>
    <xf numFmtId="40" fontId="1" fillId="0" borderId="35" xfId="1" applyNumberFormat="1" applyFill="1" applyBorder="1" applyAlignment="1">
      <alignment horizontal="center" vertical="center" wrapText="1"/>
    </xf>
    <xf numFmtId="0" fontId="1" fillId="0" borderId="37" xfId="4" applyFill="1" applyBorder="1" applyAlignment="1">
      <alignment horizontal="center" vertical="center"/>
    </xf>
    <xf numFmtId="0" fontId="1" fillId="0" borderId="28" xfId="4" applyFill="1" applyBorder="1" applyAlignment="1">
      <alignment horizontal="center" vertical="center"/>
    </xf>
    <xf numFmtId="0" fontId="1" fillId="0" borderId="27" xfId="4" applyFill="1" applyBorder="1" applyAlignment="1">
      <alignment horizontal="center" vertical="center"/>
    </xf>
    <xf numFmtId="0" fontId="1" fillId="0" borderId="28" xfId="4" applyFont="1" applyFill="1" applyBorder="1" applyAlignment="1">
      <alignment horizontal="center" vertical="center"/>
    </xf>
    <xf numFmtId="0" fontId="1" fillId="0" borderId="26" xfId="4" applyFont="1" applyFill="1" applyBorder="1" applyAlignment="1">
      <alignment horizontal="center" vertical="center"/>
    </xf>
    <xf numFmtId="0" fontId="10" fillId="0" borderId="0" xfId="4" applyFont="1" applyFill="1" applyBorder="1" applyAlignment="1">
      <alignment horizontal="center" vertical="center"/>
    </xf>
    <xf numFmtId="0" fontId="1" fillId="0" borderId="37" xfId="4" applyFill="1" applyBorder="1" applyAlignment="1">
      <alignment horizontal="center" vertical="center"/>
    </xf>
    <xf numFmtId="0" fontId="1" fillId="0" borderId="28" xfId="4" applyFill="1" applyBorder="1" applyAlignment="1">
      <alignment horizontal="center" vertical="center"/>
    </xf>
    <xf numFmtId="0" fontId="1" fillId="0" borderId="31" xfId="4" applyFill="1" applyBorder="1" applyAlignment="1">
      <alignment horizontal="center" vertical="center"/>
    </xf>
    <xf numFmtId="0" fontId="1" fillId="0" borderId="26" xfId="4" applyFill="1" applyBorder="1" applyAlignment="1">
      <alignment horizontal="center" vertical="center"/>
    </xf>
    <xf numFmtId="40" fontId="0" fillId="0" borderId="31" xfId="1" applyNumberFormat="1" applyFont="1" applyFill="1" applyBorder="1" applyAlignment="1">
      <alignment horizontal="center" vertical="center" wrapText="1"/>
    </xf>
    <xf numFmtId="40" fontId="1" fillId="0" borderId="26" xfId="1" applyNumberFormat="1" applyFill="1" applyBorder="1" applyAlignment="1">
      <alignment horizontal="center" vertical="center" wrapText="1"/>
    </xf>
    <xf numFmtId="0" fontId="1" fillId="0" borderId="34" xfId="4" applyFont="1" applyFill="1" applyBorder="1" applyAlignment="1">
      <alignment horizontal="center" vertical="center" wrapText="1"/>
    </xf>
    <xf numFmtId="0" fontId="1" fillId="0" borderId="27" xfId="4" applyFill="1" applyBorder="1" applyAlignment="1">
      <alignment horizontal="center" vertical="center" wrapText="1"/>
    </xf>
    <xf numFmtId="0" fontId="0" fillId="0" borderId="40" xfId="4" applyFont="1" applyFill="1" applyBorder="1" applyAlignment="1">
      <alignment horizontal="center" vertical="center"/>
    </xf>
    <xf numFmtId="0" fontId="1" fillId="0" borderId="41" xfId="4" applyFont="1" applyFill="1" applyBorder="1" applyAlignment="1">
      <alignment horizontal="center" vertical="center"/>
    </xf>
    <xf numFmtId="0" fontId="1" fillId="0" borderId="42" xfId="4" applyFont="1" applyFill="1" applyBorder="1" applyAlignment="1">
      <alignment horizontal="center" vertical="center"/>
    </xf>
    <xf numFmtId="0" fontId="1" fillId="0" borderId="34" xfId="4" applyFont="1" applyFill="1" applyBorder="1" applyAlignment="1">
      <alignment horizontal="center" vertical="center"/>
    </xf>
    <xf numFmtId="0" fontId="1" fillId="0" borderId="27" xfId="4" applyFill="1" applyBorder="1" applyAlignment="1">
      <alignment horizontal="center" vertical="center"/>
    </xf>
    <xf numFmtId="0" fontId="0" fillId="0" borderId="37" xfId="4" applyFont="1" applyFill="1" applyBorder="1" applyAlignment="1">
      <alignment horizontal="center" vertical="center"/>
    </xf>
    <xf numFmtId="0" fontId="1" fillId="0" borderId="31" xfId="4" applyFont="1" applyFill="1" applyBorder="1" applyAlignment="1">
      <alignment horizontal="center" vertical="center"/>
    </xf>
    <xf numFmtId="0" fontId="1" fillId="0" borderId="28" xfId="4" applyFont="1" applyFill="1" applyBorder="1" applyAlignment="1">
      <alignment horizontal="center" vertical="center"/>
    </xf>
    <xf numFmtId="0" fontId="1" fillId="0" borderId="26" xfId="4" applyFont="1" applyFill="1" applyBorder="1" applyAlignment="1">
      <alignment horizontal="center" vertical="center"/>
    </xf>
    <xf numFmtId="0" fontId="1" fillId="0" borderId="38" xfId="4" applyFont="1" applyFill="1" applyBorder="1" applyAlignment="1">
      <alignment horizontal="center" vertical="center"/>
    </xf>
    <xf numFmtId="0" fontId="1" fillId="0" borderId="32" xfId="4" applyFont="1" applyFill="1" applyBorder="1" applyAlignment="1">
      <alignment horizontal="center" vertical="center"/>
    </xf>
    <xf numFmtId="0" fontId="0" fillId="0" borderId="38" xfId="4" applyFont="1" applyFill="1" applyBorder="1" applyAlignment="1">
      <alignment horizontal="center" vertical="center"/>
    </xf>
    <xf numFmtId="0" fontId="1" fillId="0" borderId="32" xfId="4" applyFill="1" applyBorder="1" applyAlignment="1">
      <alignment horizontal="center" vertical="center"/>
    </xf>
    <xf numFmtId="0" fontId="0" fillId="0" borderId="45" xfId="4" applyFont="1" applyFill="1" applyBorder="1" applyAlignment="1">
      <alignment horizontal="center" vertical="center"/>
    </xf>
    <xf numFmtId="0" fontId="1" fillId="0" borderId="24" xfId="4" applyFill="1" applyBorder="1" applyAlignment="1">
      <alignment horizontal="center" vertical="center"/>
    </xf>
    <xf numFmtId="0" fontId="1" fillId="0" borderId="25" xfId="4" applyFill="1" applyBorder="1" applyAlignment="1">
      <alignment horizontal="center" vertical="center"/>
    </xf>
    <xf numFmtId="0" fontId="7" fillId="0" borderId="9" xfId="0" applyFont="1" applyBorder="1" applyAlignment="1"/>
    <xf numFmtId="0" fontId="7" fillId="0" borderId="10" xfId="0" applyFont="1" applyBorder="1" applyAlignment="1"/>
    <xf numFmtId="0" fontId="7" fillId="0" borderId="11" xfId="0" applyFont="1" applyBorder="1" applyAlignment="1"/>
    <xf numFmtId="0" fontId="7" fillId="0" borderId="5" xfId="0" applyFont="1" applyBorder="1" applyAlignment="1"/>
    <xf numFmtId="0" fontId="7" fillId="0" borderId="7" xfId="0" applyFont="1" applyBorder="1" applyAlignment="1"/>
    <xf numFmtId="0" fontId="7" fillId="0" borderId="8" xfId="0" applyFont="1" applyBorder="1" applyAlignment="1"/>
    <xf numFmtId="0" fontId="4" fillId="0" borderId="0" xfId="0" applyFont="1" applyAlignment="1">
      <alignment horizontal="center" vertical="center"/>
    </xf>
    <xf numFmtId="0" fontId="11" fillId="0" borderId="0" xfId="0" applyFont="1" applyAlignment="1">
      <alignment horizontal="center" vertical="center"/>
    </xf>
    <xf numFmtId="0" fontId="7" fillId="0" borderId="15" xfId="0" applyFont="1" applyBorder="1" applyAlignment="1">
      <alignment vertical="center"/>
    </xf>
    <xf numFmtId="0" fontId="7" fillId="0" borderId="14" xfId="0" applyFont="1" applyBorder="1" applyAlignment="1">
      <alignment vertical="center"/>
    </xf>
    <xf numFmtId="0" fontId="7" fillId="0" borderId="6" xfId="0" applyFont="1" applyBorder="1" applyAlignment="1">
      <alignment vertical="center"/>
    </xf>
    <xf numFmtId="0" fontId="7" fillId="0" borderId="9" xfId="0" applyFont="1" applyBorder="1" applyAlignment="1">
      <alignment horizontal="center" vertical="center"/>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7" fillId="0" borderId="12" xfId="0" applyFont="1" applyBorder="1" applyAlignment="1">
      <alignment horizontal="center" vertical="center"/>
    </xf>
    <xf numFmtId="0" fontId="7" fillId="0" borderId="0" xfId="0" applyFont="1" applyBorder="1" applyAlignment="1">
      <alignment horizontal="center" vertical="center"/>
    </xf>
    <xf numFmtId="0" fontId="7" fillId="0" borderId="13" xfId="0" applyFont="1" applyBorder="1" applyAlignment="1">
      <alignment horizontal="center" vertical="center"/>
    </xf>
    <xf numFmtId="0" fontId="7" fillId="0" borderId="5"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15" xfId="0" applyFont="1" applyBorder="1" applyAlignment="1">
      <alignment horizontal="center" vertical="center"/>
    </xf>
    <xf numFmtId="0" fontId="7" fillId="0" borderId="14" xfId="0" applyFont="1" applyBorder="1" applyAlignment="1">
      <alignment horizontal="center" vertical="center"/>
    </xf>
    <xf numFmtId="0" fontId="7" fillId="0" borderId="6" xfId="0" applyFont="1" applyBorder="1" applyAlignment="1">
      <alignment horizontal="center" vertical="center"/>
    </xf>
    <xf numFmtId="0" fontId="7" fillId="0" borderId="1" xfId="0" applyFont="1" applyBorder="1" applyAlignment="1">
      <alignment horizontal="center"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176" fontId="7" fillId="0" borderId="15" xfId="0" applyNumberFormat="1" applyFont="1" applyBorder="1" applyAlignment="1">
      <alignment horizontal="left" vertical="center"/>
    </xf>
    <xf numFmtId="176" fontId="7" fillId="0" borderId="14" xfId="0" applyNumberFormat="1" applyFont="1" applyBorder="1" applyAlignment="1">
      <alignment horizontal="left" vertical="center"/>
    </xf>
    <xf numFmtId="176" fontId="7" fillId="0" borderId="6" xfId="0" applyNumberFormat="1" applyFont="1" applyBorder="1" applyAlignment="1">
      <alignment horizontal="left" vertical="center"/>
    </xf>
    <xf numFmtId="0" fontId="7" fillId="0" borderId="1" xfId="0" applyFont="1" applyBorder="1" applyAlignment="1">
      <alignment horizontal="center" wrapText="1"/>
    </xf>
    <xf numFmtId="0" fontId="7" fillId="0" borderId="3" xfId="0" applyFont="1" applyBorder="1" applyAlignment="1">
      <alignment horizontal="center" wrapText="1"/>
    </xf>
    <xf numFmtId="0" fontId="7" fillId="0" borderId="12" xfId="0" applyFont="1" applyBorder="1" applyAlignment="1">
      <alignment horizontal="center"/>
    </xf>
    <xf numFmtId="0" fontId="7" fillId="0" borderId="0" xfId="0" applyFont="1" applyBorder="1" applyAlignment="1">
      <alignment horizontal="center"/>
    </xf>
    <xf numFmtId="0" fontId="12" fillId="0" borderId="10" xfId="0" applyFont="1" applyBorder="1" applyAlignment="1">
      <alignment horizontal="distributed"/>
    </xf>
    <xf numFmtId="0" fontId="4" fillId="0" borderId="15" xfId="0" applyFont="1" applyBorder="1" applyAlignment="1">
      <alignment horizontal="center" vertical="center"/>
    </xf>
    <xf numFmtId="0" fontId="4" fillId="0" borderId="14" xfId="0" applyFont="1" applyBorder="1" applyAlignment="1">
      <alignment horizontal="center" vertical="center"/>
    </xf>
    <xf numFmtId="0" fontId="4" fillId="0" borderId="6" xfId="0" applyFont="1" applyBorder="1" applyAlignment="1">
      <alignment horizontal="center" vertical="center"/>
    </xf>
    <xf numFmtId="0" fontId="11" fillId="0" borderId="0" xfId="0" applyFont="1" applyBorder="1" applyAlignment="1">
      <alignment horizontal="center"/>
    </xf>
    <xf numFmtId="176" fontId="11" fillId="0" borderId="0" xfId="0" applyNumberFormat="1" applyFont="1" applyBorder="1" applyAlignment="1">
      <alignment horizontal="center"/>
    </xf>
    <xf numFmtId="176" fontId="0" fillId="0" borderId="0" xfId="0" applyNumberFormat="1" applyAlignment="1">
      <alignment horizontal="center"/>
    </xf>
    <xf numFmtId="0" fontId="11" fillId="0" borderId="12" xfId="0" applyFont="1" applyBorder="1" applyAlignment="1">
      <alignment horizontal="center"/>
    </xf>
    <xf numFmtId="0" fontId="12" fillId="0" borderId="3" xfId="0" applyFont="1" applyBorder="1" applyAlignment="1">
      <alignment horizontal="center"/>
    </xf>
    <xf numFmtId="0" fontId="0" fillId="0" borderId="5" xfId="0" applyBorder="1" applyAlignment="1"/>
    <xf numFmtId="0" fontId="4" fillId="0" borderId="2" xfId="0" applyFont="1" applyBorder="1" applyAlignment="1">
      <alignment horizontal="center" vertical="center"/>
    </xf>
    <xf numFmtId="0" fontId="0" fillId="0" borderId="12" xfId="0" applyBorder="1" applyAlignment="1"/>
    <xf numFmtId="0" fontId="4" fillId="0" borderId="14" xfId="0" applyFont="1" applyBorder="1" applyAlignment="1">
      <alignment horizontal="left" vertical="center" wrapText="1"/>
    </xf>
    <xf numFmtId="177" fontId="11" fillId="0" borderId="0" xfId="0" applyNumberFormat="1" applyFont="1" applyAlignment="1">
      <alignment horizontal="center" vertical="center"/>
    </xf>
    <xf numFmtId="0" fontId="4" fillId="0" borderId="4" xfId="0" applyFont="1" applyBorder="1" applyAlignment="1">
      <alignment horizontal="center" vertical="center"/>
    </xf>
    <xf numFmtId="0" fontId="0" fillId="0" borderId="14" xfId="0" applyBorder="1" applyAlignment="1">
      <alignment horizontal="center" vertical="center"/>
    </xf>
    <xf numFmtId="0" fontId="4" fillId="0" borderId="0" xfId="0" applyFont="1" applyAlignment="1"/>
    <xf numFmtId="0" fontId="4" fillId="0" borderId="9" xfId="0" applyFont="1" applyBorder="1" applyAlignment="1">
      <alignment horizontal="center" vertical="center"/>
    </xf>
    <xf numFmtId="0" fontId="4" fillId="0" borderId="11" xfId="0" applyFont="1" applyBorder="1" applyAlignment="1">
      <alignment horizontal="center" vertical="center"/>
    </xf>
    <xf numFmtId="0" fontId="4" fillId="0" borderId="12" xfId="0" applyFont="1" applyBorder="1" applyAlignment="1">
      <alignment horizontal="center" vertical="center"/>
    </xf>
    <xf numFmtId="0" fontId="4" fillId="0" borderId="13"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0" fontId="4" fillId="0" borderId="12" xfId="0" applyFont="1" applyBorder="1" applyAlignment="1">
      <alignment horizontal="right" vertical="center" wrapText="1"/>
    </xf>
    <xf numFmtId="0" fontId="0" fillId="0" borderId="34" xfId="4" applyFont="1" applyFill="1" applyBorder="1" applyAlignment="1">
      <alignment horizontal="center" vertical="center"/>
    </xf>
    <xf numFmtId="0" fontId="13" fillId="0" borderId="7" xfId="0" applyFont="1" applyBorder="1" applyAlignment="1">
      <alignment horizontal="center" vertical="center" wrapText="1"/>
    </xf>
  </cellXfs>
  <cellStyles count="6">
    <cellStyle name="桁区切り" xfId="1" builtinId="6"/>
    <cellStyle name="標準" xfId="0" builtinId="0"/>
    <cellStyle name="標準 2" xfId="2"/>
    <cellStyle name="標準_Sheet1" xfId="3"/>
    <cellStyle name="標準_中央・西・手稲区除草" xfId="4"/>
    <cellStyle name="標準_白石・厚別・豊平・清田・南区除草"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31119;&#20117;/&#12481;&#12455;&#12483;&#12463;&#12522;&#12473;&#12488;/H22&#25913;&#27491;/&#12467;&#12500;&#12540;01-2&#12288;&#12304;&#21029;&#28155;1&#12305;&#24066;&#27665;&#33258;&#27835;&#12481;&#12455;&#12483;&#12463;&#12522;&#12473;&#12488;&#65288;Excel97&#8208;2003&#29256;&#65289;.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s962447\Local%20Settings\Temporary%20Internet%20Files\Content.Outlook\DL1UQO9R\&#24066;&#27665;&#33258;&#27835;&#12481;&#12455;&#12483;&#12463;&#12522;&#12473;&#12488;&#65288;&#12456;&#12463;&#12475;&#12523;&#24418;&#24335;&#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市民自治チェックリスト【表＆裏】"/>
      <sheetName val="市民自治チェックリスト【表のみ】"/>
      <sheetName val="リスト"/>
    </sheetNames>
    <sheetDataSet>
      <sheetData sheetId="0"/>
      <sheetData sheetId="1"/>
      <sheetData sheetId="2">
        <row r="2">
          <cell r="A2" t="str">
            <v>□</v>
          </cell>
        </row>
        <row r="3">
          <cell r="A3" t="str">
            <v>■</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表&amp;裏】"/>
      <sheetName val="様式【表のみ】（情報共有)"/>
      <sheetName val="様式【裏のみ】（市民参加）"/>
      <sheetName val="テーブル"/>
    </sheetNames>
    <sheetDataSet>
      <sheetData sheetId="0"/>
      <sheetData sheetId="1" refreshError="1"/>
      <sheetData sheetId="2" refreshError="1"/>
      <sheetData sheetId="3">
        <row r="3">
          <cell r="B3" t="str">
            <v>□</v>
          </cell>
          <cell r="D3">
            <v>20</v>
          </cell>
          <cell r="F3">
            <v>1</v>
          </cell>
          <cell r="K3">
            <v>1</v>
          </cell>
          <cell r="P3" t="str">
            <v>○ 市の基本構想、基本計画その他基本的な事項を定める計画の策定又は変更、改定</v>
          </cell>
        </row>
        <row r="4">
          <cell r="B4" t="str">
            <v>■</v>
          </cell>
          <cell r="D4">
            <v>21</v>
          </cell>
          <cell r="F4">
            <v>2</v>
          </cell>
          <cell r="K4">
            <v>2</v>
          </cell>
          <cell r="P4" t="str">
            <v>○ 市政に関する基本方針を定める条例の制定、改正、廃止</v>
          </cell>
        </row>
        <row r="5">
          <cell r="D5">
            <v>22</v>
          </cell>
          <cell r="F5">
            <v>3</v>
          </cell>
          <cell r="K5">
            <v>3</v>
          </cell>
          <cell r="P5" t="str">
            <v>○ 市民に義務を課し、市民の権利を制限することを内容とする条例及び条例の委任により定める市民に義務を課し、市民の権利を制限することを内容とする規則並びにこれらに類する告示等の制定、改正、廃止</v>
          </cell>
        </row>
        <row r="6">
          <cell r="B6" t="str">
            <v>○</v>
          </cell>
          <cell r="D6">
            <v>23</v>
          </cell>
          <cell r="F6">
            <v>4</v>
          </cell>
          <cell r="K6">
            <v>4</v>
          </cell>
          <cell r="P6" t="str">
            <v>○ 公共の用に供される大規模な施設の設置及びその利用や運営に関する計画等の策定又は変更、廃止</v>
          </cell>
        </row>
        <row r="7">
          <cell r="B7" t="str">
            <v>●</v>
          </cell>
          <cell r="D7">
            <v>24</v>
          </cell>
          <cell r="F7">
            <v>5</v>
          </cell>
          <cell r="K7">
            <v>5</v>
          </cell>
          <cell r="P7" t="str">
            <v>○ 市民の生活に大きな影響を及ぼす制度の導入又は改正、廃止</v>
          </cell>
        </row>
        <row r="8">
          <cell r="D8">
            <v>25</v>
          </cell>
          <cell r="F8">
            <v>6</v>
          </cell>
          <cell r="K8">
            <v>6</v>
          </cell>
          <cell r="P8" t="str">
            <v>○ 市民の生活に大きな影響を及ぼす事業の計画の策定又は変更、廃止</v>
          </cell>
        </row>
        <row r="9">
          <cell r="D9">
            <v>26</v>
          </cell>
          <cell r="F9">
            <v>7</v>
          </cell>
          <cell r="K9">
            <v>7</v>
          </cell>
          <cell r="P9" t="str">
            <v>○ 費用対効果等を十分に見極めて実施することが必要な大規模な行事等の計画の策定又は変更、廃止</v>
          </cell>
        </row>
        <row r="10">
          <cell r="D10">
            <v>27</v>
          </cell>
          <cell r="F10">
            <v>8</v>
          </cell>
          <cell r="K10">
            <v>8</v>
          </cell>
        </row>
        <row r="11">
          <cell r="D11">
            <v>28</v>
          </cell>
          <cell r="F11">
            <v>9</v>
          </cell>
          <cell r="K11">
            <v>9</v>
          </cell>
        </row>
        <row r="12">
          <cell r="D12">
            <v>29</v>
          </cell>
          <cell r="F12">
            <v>10</v>
          </cell>
          <cell r="K12">
            <v>10</v>
          </cell>
        </row>
        <row r="13">
          <cell r="D13">
            <v>30</v>
          </cell>
          <cell r="F13">
            <v>11</v>
          </cell>
          <cell r="K13">
            <v>11</v>
          </cell>
        </row>
        <row r="14">
          <cell r="D14">
            <v>31</v>
          </cell>
          <cell r="F14">
            <v>12</v>
          </cell>
          <cell r="K14">
            <v>12</v>
          </cell>
        </row>
        <row r="15">
          <cell r="D15">
            <v>32</v>
          </cell>
          <cell r="F15">
            <v>13</v>
          </cell>
          <cell r="K15">
            <v>13</v>
          </cell>
        </row>
        <row r="16">
          <cell r="D16">
            <v>33</v>
          </cell>
          <cell r="F16">
            <v>14</v>
          </cell>
          <cell r="K16">
            <v>14</v>
          </cell>
        </row>
        <row r="17">
          <cell r="D17">
            <v>34</v>
          </cell>
          <cell r="F17">
            <v>15</v>
          </cell>
          <cell r="K17">
            <v>15</v>
          </cell>
          <cell r="P17" t="str">
            <v>○ 緊急に行わなければならないもの</v>
          </cell>
        </row>
        <row r="18">
          <cell r="D18">
            <v>35</v>
          </cell>
          <cell r="F18">
            <v>16</v>
          </cell>
          <cell r="K18">
            <v>16</v>
          </cell>
          <cell r="P18" t="str">
            <v>○ 法令の規定により定められている基準に基づき行うことが必要であり、政策的判断を行う余地がないもの</v>
          </cell>
        </row>
        <row r="19">
          <cell r="D19">
            <v>36</v>
          </cell>
          <cell r="F19">
            <v>17</v>
          </cell>
          <cell r="K19">
            <v>17</v>
          </cell>
          <cell r="P19" t="str">
            <v>○ 軽易なもの</v>
          </cell>
        </row>
        <row r="20">
          <cell r="D20">
            <v>37</v>
          </cell>
          <cell r="F20">
            <v>18</v>
          </cell>
          <cell r="K20">
            <v>18</v>
          </cell>
          <cell r="P20" t="str">
            <v>○ 市の機関内部の事務処理に関するもの</v>
          </cell>
        </row>
        <row r="21">
          <cell r="D21">
            <v>38</v>
          </cell>
          <cell r="F21">
            <v>19</v>
          </cell>
          <cell r="K21">
            <v>19</v>
          </cell>
          <cell r="P21" t="str">
            <v>○ 市税の賦課徴収その他金銭の徴収に関するもの</v>
          </cell>
        </row>
        <row r="22">
          <cell r="D22">
            <v>39</v>
          </cell>
          <cell r="F22">
            <v>20</v>
          </cell>
          <cell r="K22">
            <v>20</v>
          </cell>
        </row>
        <row r="23">
          <cell r="D23">
            <v>40</v>
          </cell>
          <cell r="F23">
            <v>21</v>
          </cell>
          <cell r="K23">
            <v>21</v>
          </cell>
        </row>
        <row r="24">
          <cell r="F24">
            <v>22</v>
          </cell>
          <cell r="K24">
            <v>22</v>
          </cell>
        </row>
        <row r="25">
          <cell r="F25">
            <v>23</v>
          </cell>
          <cell r="K25">
            <v>23</v>
          </cell>
        </row>
        <row r="26">
          <cell r="F26">
            <v>24</v>
          </cell>
          <cell r="K26">
            <v>24</v>
          </cell>
        </row>
        <row r="27">
          <cell r="F27">
            <v>25</v>
          </cell>
          <cell r="K27">
            <v>25</v>
          </cell>
        </row>
        <row r="28">
          <cell r="F28">
            <v>26</v>
          </cell>
          <cell r="K28">
            <v>26</v>
          </cell>
        </row>
        <row r="29">
          <cell r="F29">
            <v>27</v>
          </cell>
          <cell r="K29">
            <v>27</v>
          </cell>
          <cell r="P29" t="str">
            <v>市政世論調査</v>
          </cell>
        </row>
        <row r="30">
          <cell r="F30">
            <v>28</v>
          </cell>
          <cell r="K30">
            <v>28</v>
          </cell>
          <cell r="P30" t="str">
            <v>タウントーク</v>
          </cell>
        </row>
        <row r="31">
          <cell r="F31">
            <v>29</v>
          </cell>
          <cell r="K31">
            <v>29</v>
          </cell>
          <cell r="P31" t="str">
            <v>出前講座、出前トーク</v>
          </cell>
        </row>
        <row r="32">
          <cell r="F32">
            <v>30</v>
          </cell>
          <cell r="K32">
            <v>30</v>
          </cell>
          <cell r="P32" t="str">
            <v>市民の声</v>
          </cell>
        </row>
        <row r="33">
          <cell r="F33">
            <v>31</v>
          </cell>
          <cell r="K33">
            <v>31</v>
          </cell>
          <cell r="P33" t="str">
            <v>意見、要望</v>
          </cell>
        </row>
        <row r="34">
          <cell r="K34">
            <v>32</v>
          </cell>
        </row>
        <row r="35">
          <cell r="K35">
            <v>33</v>
          </cell>
        </row>
        <row r="36">
          <cell r="K36">
            <v>34</v>
          </cell>
        </row>
        <row r="37">
          <cell r="K37">
            <v>35</v>
          </cell>
        </row>
        <row r="38">
          <cell r="K38">
            <v>36</v>
          </cell>
          <cell r="P38" t="str">
            <v>市の仕事内容やサービス内容をお知らせする情報</v>
          </cell>
        </row>
        <row r="39">
          <cell r="K39">
            <v>37</v>
          </cell>
          <cell r="P39" t="str">
            <v>市民に考え、判断してもらうための情報</v>
          </cell>
        </row>
        <row r="40">
          <cell r="K40">
            <v>38</v>
          </cell>
          <cell r="P40" t="str">
            <v>市民の取り組みを促進するための情報、具体的な行動につなげるための情報</v>
          </cell>
        </row>
        <row r="41">
          <cell r="K41">
            <v>39</v>
          </cell>
        </row>
        <row r="42">
          <cell r="K42">
            <v>40</v>
          </cell>
        </row>
        <row r="43">
          <cell r="K43">
            <v>41</v>
          </cell>
        </row>
        <row r="44">
          <cell r="K44">
            <v>42</v>
          </cell>
        </row>
        <row r="45">
          <cell r="K45">
            <v>43</v>
          </cell>
          <cell r="P45" t="str">
            <v>ポスター</v>
          </cell>
        </row>
        <row r="46">
          <cell r="K46">
            <v>44</v>
          </cell>
          <cell r="P46" t="str">
            <v>パンフレット</v>
          </cell>
        </row>
        <row r="47">
          <cell r="K47">
            <v>45</v>
          </cell>
          <cell r="P47" t="str">
            <v>リーフレット</v>
          </cell>
        </row>
        <row r="48">
          <cell r="K48">
            <v>46</v>
          </cell>
          <cell r="P48" t="str">
            <v>冊子</v>
          </cell>
        </row>
        <row r="49">
          <cell r="K49">
            <v>47</v>
          </cell>
          <cell r="P49" t="str">
            <v>チラシ</v>
          </cell>
        </row>
        <row r="50">
          <cell r="K50">
            <v>48</v>
          </cell>
        </row>
        <row r="51">
          <cell r="K51">
            <v>49</v>
          </cell>
        </row>
        <row r="52">
          <cell r="K52">
            <v>50</v>
          </cell>
        </row>
        <row r="53">
          <cell r="K53">
            <v>51</v>
          </cell>
        </row>
        <row r="54">
          <cell r="K54">
            <v>52</v>
          </cell>
        </row>
        <row r="55">
          <cell r="K55">
            <v>53</v>
          </cell>
        </row>
        <row r="56">
          <cell r="K56">
            <v>54</v>
          </cell>
        </row>
        <row r="57">
          <cell r="K57">
            <v>55</v>
          </cell>
        </row>
        <row r="58">
          <cell r="K58">
            <v>56</v>
          </cell>
        </row>
        <row r="59">
          <cell r="K59">
            <v>57</v>
          </cell>
        </row>
        <row r="60">
          <cell r="K60">
            <v>58</v>
          </cell>
        </row>
        <row r="61">
          <cell r="K61">
            <v>59</v>
          </cell>
        </row>
        <row r="62">
          <cell r="K62">
            <v>60</v>
          </cell>
        </row>
        <row r="63">
          <cell r="K63">
            <v>61</v>
          </cell>
        </row>
        <row r="64">
          <cell r="K64">
            <v>62</v>
          </cell>
        </row>
        <row r="65">
          <cell r="K65">
            <v>63</v>
          </cell>
        </row>
        <row r="66">
          <cell r="K66">
            <v>64</v>
          </cell>
        </row>
        <row r="67">
          <cell r="K67">
            <v>65</v>
          </cell>
        </row>
        <row r="68">
          <cell r="K68">
            <v>66</v>
          </cell>
        </row>
        <row r="69">
          <cell r="K69">
            <v>67</v>
          </cell>
        </row>
        <row r="70">
          <cell r="K70">
            <v>68</v>
          </cell>
        </row>
        <row r="71">
          <cell r="K71">
            <v>69</v>
          </cell>
        </row>
        <row r="72">
          <cell r="K72">
            <v>70</v>
          </cell>
        </row>
        <row r="73">
          <cell r="K73">
            <v>71</v>
          </cell>
        </row>
        <row r="74">
          <cell r="K74">
            <v>72</v>
          </cell>
        </row>
        <row r="75">
          <cell r="K75">
            <v>73</v>
          </cell>
        </row>
        <row r="76">
          <cell r="K76">
            <v>74</v>
          </cell>
        </row>
        <row r="77">
          <cell r="K77">
            <v>75</v>
          </cell>
        </row>
        <row r="78">
          <cell r="K78">
            <v>76</v>
          </cell>
        </row>
        <row r="79">
          <cell r="K79">
            <v>77</v>
          </cell>
        </row>
        <row r="80">
          <cell r="K80">
            <v>78</v>
          </cell>
        </row>
        <row r="81">
          <cell r="K81">
            <v>79</v>
          </cell>
        </row>
        <row r="82">
          <cell r="K82">
            <v>80</v>
          </cell>
        </row>
        <row r="83">
          <cell r="K83">
            <v>81</v>
          </cell>
        </row>
        <row r="84">
          <cell r="K84">
            <v>82</v>
          </cell>
        </row>
        <row r="85">
          <cell r="K85">
            <v>83</v>
          </cell>
        </row>
        <row r="86">
          <cell r="K86">
            <v>84</v>
          </cell>
        </row>
        <row r="87">
          <cell r="K87">
            <v>85</v>
          </cell>
        </row>
        <row r="88">
          <cell r="K88">
            <v>86</v>
          </cell>
        </row>
        <row r="89">
          <cell r="K89">
            <v>87</v>
          </cell>
        </row>
        <row r="90">
          <cell r="K90">
            <v>88</v>
          </cell>
        </row>
        <row r="91">
          <cell r="K91">
            <v>89</v>
          </cell>
        </row>
        <row r="92">
          <cell r="K92">
            <v>90</v>
          </cell>
        </row>
        <row r="93">
          <cell r="K93">
            <v>91</v>
          </cell>
        </row>
        <row r="94">
          <cell r="K94">
            <v>92</v>
          </cell>
        </row>
        <row r="95">
          <cell r="K95">
            <v>93</v>
          </cell>
        </row>
        <row r="96">
          <cell r="K96">
            <v>94</v>
          </cell>
        </row>
        <row r="97">
          <cell r="K97">
            <v>95</v>
          </cell>
        </row>
        <row r="98">
          <cell r="K98">
            <v>96</v>
          </cell>
        </row>
        <row r="99">
          <cell r="K99">
            <v>97</v>
          </cell>
        </row>
        <row r="100">
          <cell r="K100">
            <v>98</v>
          </cell>
        </row>
        <row r="101">
          <cell r="K101">
            <v>99</v>
          </cell>
        </row>
        <row r="102">
          <cell r="K102">
            <v>100</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31"/>
  <sheetViews>
    <sheetView view="pageBreakPreview" zoomScaleNormal="100" workbookViewId="0">
      <pane ySplit="3" topLeftCell="A58" activePane="bottomLeft" state="frozen"/>
      <selection activeCell="C6" sqref="C6"/>
      <selection pane="bottomLeft" activeCell="A68" sqref="A68:G70"/>
    </sheetView>
  </sheetViews>
  <sheetFormatPr defaultRowHeight="15" customHeight="1"/>
  <cols>
    <col min="1" max="1" width="5.25" style="6" bestFit="1" customWidth="1"/>
    <col min="2" max="2" width="5.25" style="70" hidden="1" customWidth="1"/>
    <col min="3" max="3" width="7.25" style="70" hidden="1" customWidth="1"/>
    <col min="4" max="4" width="8" style="70" hidden="1" customWidth="1"/>
    <col min="5" max="5" width="4.375" style="70" bestFit="1" customWidth="1"/>
    <col min="6" max="6" width="24.75" style="6" customWidth="1"/>
    <col min="7" max="7" width="14.125" style="71" customWidth="1"/>
    <col min="8" max="9" width="13.625" style="79" customWidth="1"/>
    <col min="10" max="10" width="23.625" style="6" customWidth="1"/>
    <col min="11" max="11" width="12.375" style="6" bestFit="1" customWidth="1"/>
    <col min="12" max="16384" width="9" style="6"/>
  </cols>
  <sheetData>
    <row r="1" spans="1:10" ht="18.75">
      <c r="A1" s="160" t="s">
        <v>182</v>
      </c>
      <c r="B1" s="160"/>
      <c r="C1" s="160"/>
      <c r="D1" s="160"/>
      <c r="E1" s="160"/>
      <c r="F1" s="160"/>
      <c r="G1" s="160"/>
      <c r="H1" s="160"/>
      <c r="I1" s="160"/>
      <c r="J1" s="75" t="s">
        <v>12</v>
      </c>
    </row>
    <row r="2" spans="1:10" s="70" customFormat="1" ht="17.25" customHeight="1">
      <c r="A2" s="161" t="s">
        <v>1</v>
      </c>
      <c r="B2" s="163" t="s">
        <v>2</v>
      </c>
      <c r="C2" s="163" t="s">
        <v>3</v>
      </c>
      <c r="D2" s="163"/>
      <c r="E2" s="163" t="s">
        <v>4</v>
      </c>
      <c r="F2" s="163" t="s">
        <v>5</v>
      </c>
      <c r="G2" s="163" t="s">
        <v>6</v>
      </c>
      <c r="H2" s="165" t="s">
        <v>105</v>
      </c>
      <c r="I2" s="165" t="s">
        <v>106</v>
      </c>
      <c r="J2" s="172" t="s">
        <v>13</v>
      </c>
    </row>
    <row r="3" spans="1:10" ht="17.25" customHeight="1">
      <c r="A3" s="162"/>
      <c r="B3" s="164"/>
      <c r="C3" s="96" t="s">
        <v>7</v>
      </c>
      <c r="D3" s="96" t="s">
        <v>8</v>
      </c>
      <c r="E3" s="164"/>
      <c r="F3" s="164"/>
      <c r="G3" s="164"/>
      <c r="H3" s="166"/>
      <c r="I3" s="166"/>
      <c r="J3" s="173"/>
    </row>
    <row r="4" spans="1:10" ht="24" customHeight="1">
      <c r="A4" s="97">
        <v>1</v>
      </c>
      <c r="B4" s="133"/>
      <c r="C4" s="133"/>
      <c r="D4" s="133"/>
      <c r="E4" s="133" t="s">
        <v>84</v>
      </c>
      <c r="F4" s="82" t="s">
        <v>146</v>
      </c>
      <c r="G4" s="83" t="s">
        <v>147</v>
      </c>
      <c r="H4" s="112">
        <v>141.41999999999999</v>
      </c>
      <c r="I4" s="129"/>
      <c r="J4" s="113" t="s">
        <v>107</v>
      </c>
    </row>
    <row r="5" spans="1:10" ht="24" customHeight="1">
      <c r="A5" s="97">
        <v>2</v>
      </c>
      <c r="B5" s="133"/>
      <c r="C5" s="133"/>
      <c r="D5" s="133"/>
      <c r="E5" s="133" t="s">
        <v>84</v>
      </c>
      <c r="F5" s="82" t="s">
        <v>146</v>
      </c>
      <c r="G5" s="83" t="s">
        <v>148</v>
      </c>
      <c r="H5" s="112">
        <v>108.14</v>
      </c>
      <c r="I5" s="129"/>
      <c r="J5" s="113" t="s">
        <v>107</v>
      </c>
    </row>
    <row r="6" spans="1:10" ht="24" customHeight="1">
      <c r="A6" s="97">
        <v>3</v>
      </c>
      <c r="B6" s="133"/>
      <c r="C6" s="133"/>
      <c r="D6" s="133"/>
      <c r="E6" s="133" t="s">
        <v>84</v>
      </c>
      <c r="F6" s="82" t="s">
        <v>146</v>
      </c>
      <c r="G6" s="83" t="s">
        <v>149</v>
      </c>
      <c r="H6" s="112">
        <v>118.14</v>
      </c>
      <c r="I6" s="129"/>
      <c r="J6" s="113" t="s">
        <v>107</v>
      </c>
    </row>
    <row r="7" spans="1:10" ht="24" customHeight="1">
      <c r="A7" s="97">
        <v>4</v>
      </c>
      <c r="B7" s="133"/>
      <c r="C7" s="133"/>
      <c r="D7" s="133"/>
      <c r="E7" s="133" t="s">
        <v>84</v>
      </c>
      <c r="F7" s="82" t="s">
        <v>146</v>
      </c>
      <c r="G7" s="83" t="s">
        <v>150</v>
      </c>
      <c r="H7" s="112">
        <v>115.67</v>
      </c>
      <c r="I7" s="129"/>
      <c r="J7" s="113" t="s">
        <v>107</v>
      </c>
    </row>
    <row r="8" spans="1:10" ht="24" customHeight="1">
      <c r="A8" s="97">
        <v>5</v>
      </c>
      <c r="B8" s="133"/>
      <c r="C8" s="133"/>
      <c r="D8" s="133"/>
      <c r="E8" s="133" t="s">
        <v>84</v>
      </c>
      <c r="F8" s="82" t="s">
        <v>146</v>
      </c>
      <c r="G8" s="83" t="s">
        <v>151</v>
      </c>
      <c r="H8" s="112">
        <v>6.3</v>
      </c>
      <c r="I8" s="129"/>
      <c r="J8" s="113" t="s">
        <v>107</v>
      </c>
    </row>
    <row r="9" spans="1:10" ht="24" customHeight="1">
      <c r="A9" s="97">
        <v>6</v>
      </c>
      <c r="B9" s="133"/>
      <c r="C9" s="133"/>
      <c r="D9" s="133"/>
      <c r="E9" s="133" t="s">
        <v>84</v>
      </c>
      <c r="F9" s="82" t="s">
        <v>146</v>
      </c>
      <c r="G9" s="83" t="s">
        <v>152</v>
      </c>
      <c r="H9" s="112">
        <v>137.79</v>
      </c>
      <c r="I9" s="129"/>
      <c r="J9" s="113" t="s">
        <v>107</v>
      </c>
    </row>
    <row r="10" spans="1:10" ht="24" customHeight="1">
      <c r="A10" s="97">
        <v>7</v>
      </c>
      <c r="B10" s="133"/>
      <c r="C10" s="133"/>
      <c r="D10" s="133"/>
      <c r="E10" s="133" t="s">
        <v>84</v>
      </c>
      <c r="F10" s="82" t="s">
        <v>162</v>
      </c>
      <c r="G10" s="137" t="s">
        <v>163</v>
      </c>
      <c r="H10" s="112">
        <v>327.19</v>
      </c>
      <c r="I10" s="129"/>
      <c r="J10" s="113" t="s">
        <v>107</v>
      </c>
    </row>
    <row r="11" spans="1:10" ht="24" customHeight="1">
      <c r="A11" s="97">
        <v>8</v>
      </c>
      <c r="B11" s="127"/>
      <c r="C11" s="127"/>
      <c r="D11" s="127"/>
      <c r="E11" s="127" t="s">
        <v>84</v>
      </c>
      <c r="F11" s="82" t="s">
        <v>153</v>
      </c>
      <c r="G11" s="83" t="s">
        <v>154</v>
      </c>
      <c r="H11" s="112">
        <v>115.82</v>
      </c>
      <c r="I11" s="128"/>
      <c r="J11" s="113" t="s">
        <v>107</v>
      </c>
    </row>
    <row r="12" spans="1:10" ht="24" customHeight="1">
      <c r="A12" s="97">
        <v>9</v>
      </c>
      <c r="B12" s="133"/>
      <c r="C12" s="133"/>
      <c r="D12" s="133"/>
      <c r="E12" s="133" t="s">
        <v>84</v>
      </c>
      <c r="F12" s="82" t="s">
        <v>155</v>
      </c>
      <c r="G12" s="134" t="s">
        <v>156</v>
      </c>
      <c r="H12" s="135">
        <v>104.23</v>
      </c>
      <c r="I12" s="129"/>
      <c r="J12" s="113" t="s">
        <v>107</v>
      </c>
    </row>
    <row r="13" spans="1:10" ht="24" customHeight="1">
      <c r="A13" s="97">
        <v>10</v>
      </c>
      <c r="B13" s="133"/>
      <c r="C13" s="133"/>
      <c r="D13" s="133"/>
      <c r="E13" s="133" t="s">
        <v>84</v>
      </c>
      <c r="F13" s="136" t="s">
        <v>157</v>
      </c>
      <c r="G13" s="134" t="s">
        <v>158</v>
      </c>
      <c r="H13" s="135">
        <v>18.54</v>
      </c>
      <c r="I13" s="129"/>
      <c r="J13" s="113" t="s">
        <v>107</v>
      </c>
    </row>
    <row r="14" spans="1:10" ht="24" customHeight="1">
      <c r="A14" s="97">
        <v>11</v>
      </c>
      <c r="B14" s="133"/>
      <c r="C14" s="133"/>
      <c r="D14" s="133"/>
      <c r="E14" s="133" t="s">
        <v>84</v>
      </c>
      <c r="F14" s="136" t="s">
        <v>157</v>
      </c>
      <c r="G14" s="134" t="s">
        <v>169</v>
      </c>
      <c r="H14" s="135">
        <v>69.59</v>
      </c>
      <c r="I14" s="129"/>
      <c r="J14" s="113" t="s">
        <v>107</v>
      </c>
    </row>
    <row r="15" spans="1:10" ht="24" customHeight="1">
      <c r="A15" s="97">
        <v>12</v>
      </c>
      <c r="B15" s="127"/>
      <c r="C15" s="127"/>
      <c r="D15" s="127"/>
      <c r="E15" s="127" t="s">
        <v>84</v>
      </c>
      <c r="F15" s="136" t="s">
        <v>170</v>
      </c>
      <c r="G15" s="134" t="s">
        <v>171</v>
      </c>
      <c r="H15" s="135">
        <v>233.05</v>
      </c>
      <c r="I15" s="128"/>
      <c r="J15" s="113" t="s">
        <v>107</v>
      </c>
    </row>
    <row r="16" spans="1:10" ht="24" customHeight="1">
      <c r="A16" s="97">
        <v>13</v>
      </c>
      <c r="B16" s="133"/>
      <c r="C16" s="133"/>
      <c r="D16" s="133"/>
      <c r="E16" s="133" t="s">
        <v>84</v>
      </c>
      <c r="F16" s="136" t="s">
        <v>159</v>
      </c>
      <c r="G16" s="134" t="s">
        <v>160</v>
      </c>
      <c r="H16" s="135">
        <v>85.37</v>
      </c>
      <c r="I16" s="129"/>
      <c r="J16" s="113" t="s">
        <v>107</v>
      </c>
    </row>
    <row r="17" spans="1:10" ht="24" customHeight="1">
      <c r="A17" s="97">
        <v>14</v>
      </c>
      <c r="B17" s="133"/>
      <c r="C17" s="133"/>
      <c r="D17" s="133"/>
      <c r="E17" s="133" t="s">
        <v>84</v>
      </c>
      <c r="F17" s="82" t="s">
        <v>161</v>
      </c>
      <c r="G17" s="83" t="s">
        <v>140</v>
      </c>
      <c r="H17" s="148">
        <v>3298.87</v>
      </c>
      <c r="I17" s="145">
        <v>660.8</v>
      </c>
      <c r="J17" s="113" t="s">
        <v>107</v>
      </c>
    </row>
    <row r="18" spans="1:10" ht="24" customHeight="1">
      <c r="A18" s="182" t="s">
        <v>168</v>
      </c>
      <c r="B18" s="183"/>
      <c r="C18" s="183"/>
      <c r="D18" s="183"/>
      <c r="E18" s="183"/>
      <c r="F18" s="183"/>
      <c r="G18" s="184"/>
      <c r="H18" s="146">
        <f>SUM(H4:H17)</f>
        <v>4880.12</v>
      </c>
      <c r="I18" s="146">
        <f>SUM(I4:I17)</f>
        <v>660.8</v>
      </c>
      <c r="J18" s="130"/>
    </row>
    <row r="19" spans="1:10" ht="24" customHeight="1">
      <c r="A19" s="97">
        <v>1</v>
      </c>
      <c r="B19" s="98" t="s">
        <v>57</v>
      </c>
      <c r="C19" s="99">
        <v>6401</v>
      </c>
      <c r="D19" s="100">
        <v>1381</v>
      </c>
      <c r="E19" s="121" t="s">
        <v>71</v>
      </c>
      <c r="F19" s="131" t="s">
        <v>141</v>
      </c>
      <c r="G19" s="139" t="s">
        <v>142</v>
      </c>
      <c r="H19" s="132">
        <v>100.24</v>
      </c>
      <c r="I19" s="122"/>
      <c r="J19" s="140" t="s">
        <v>107</v>
      </c>
    </row>
    <row r="20" spans="1:10" ht="24" customHeight="1">
      <c r="A20" s="105">
        <v>2</v>
      </c>
      <c r="B20" s="98"/>
      <c r="C20" s="99"/>
      <c r="D20" s="100"/>
      <c r="E20" s="121" t="s">
        <v>71</v>
      </c>
      <c r="F20" s="76" t="s">
        <v>61</v>
      </c>
      <c r="G20" s="91" t="s">
        <v>62</v>
      </c>
      <c r="H20" s="112">
        <v>84.17</v>
      </c>
      <c r="I20" s="122"/>
      <c r="J20" s="113" t="s">
        <v>107</v>
      </c>
    </row>
    <row r="21" spans="1:10" ht="24" customHeight="1">
      <c r="A21" s="105">
        <v>3</v>
      </c>
      <c r="B21" s="98"/>
      <c r="C21" s="99"/>
      <c r="D21" s="100"/>
      <c r="E21" s="84" t="s">
        <v>71</v>
      </c>
      <c r="F21" s="76" t="s">
        <v>61</v>
      </c>
      <c r="G21" s="91" t="s">
        <v>63</v>
      </c>
      <c r="H21" s="112">
        <v>65.52</v>
      </c>
      <c r="I21" s="122"/>
      <c r="J21" s="113" t="s">
        <v>107</v>
      </c>
    </row>
    <row r="22" spans="1:10" ht="24" customHeight="1">
      <c r="A22" s="105">
        <v>4</v>
      </c>
      <c r="B22" s="98"/>
      <c r="C22" s="99"/>
      <c r="D22" s="100"/>
      <c r="E22" s="84" t="s">
        <v>71</v>
      </c>
      <c r="F22" s="76" t="s">
        <v>61</v>
      </c>
      <c r="G22" s="91" t="s">
        <v>64</v>
      </c>
      <c r="H22" s="112">
        <v>66.319999999999993</v>
      </c>
      <c r="I22" s="112"/>
      <c r="J22" s="113" t="s">
        <v>107</v>
      </c>
    </row>
    <row r="23" spans="1:10" ht="24" customHeight="1">
      <c r="A23" s="105">
        <v>5</v>
      </c>
      <c r="B23" s="98"/>
      <c r="C23" s="99"/>
      <c r="D23" s="100"/>
      <c r="E23" s="77" t="s">
        <v>60</v>
      </c>
      <c r="F23" s="76" t="s">
        <v>61</v>
      </c>
      <c r="G23" s="91" t="s">
        <v>65</v>
      </c>
      <c r="H23" s="112">
        <v>69.510000000000005</v>
      </c>
      <c r="I23" s="112"/>
      <c r="J23" s="113" t="s">
        <v>107</v>
      </c>
    </row>
    <row r="24" spans="1:10" ht="24" customHeight="1">
      <c r="A24" s="125">
        <v>6</v>
      </c>
      <c r="B24" s="98"/>
      <c r="C24" s="99"/>
      <c r="D24" s="100"/>
      <c r="E24" s="77" t="s">
        <v>60</v>
      </c>
      <c r="F24" s="76" t="s">
        <v>61</v>
      </c>
      <c r="G24" s="91" t="s">
        <v>144</v>
      </c>
      <c r="H24" s="112">
        <v>702.13</v>
      </c>
      <c r="I24" s="112"/>
      <c r="J24" s="113" t="s">
        <v>107</v>
      </c>
    </row>
    <row r="25" spans="1:10" ht="24" customHeight="1">
      <c r="A25" s="125">
        <v>7</v>
      </c>
      <c r="B25" s="98"/>
      <c r="C25" s="99"/>
      <c r="D25" s="100"/>
      <c r="E25" s="77" t="s">
        <v>60</v>
      </c>
      <c r="F25" s="76" t="s">
        <v>66</v>
      </c>
      <c r="G25" s="92" t="s">
        <v>134</v>
      </c>
      <c r="H25" s="112">
        <v>187.65</v>
      </c>
      <c r="I25" s="112"/>
      <c r="J25" s="113" t="s">
        <v>107</v>
      </c>
    </row>
    <row r="26" spans="1:10" ht="24" customHeight="1">
      <c r="A26" s="125">
        <v>8</v>
      </c>
      <c r="B26" s="98"/>
      <c r="C26" s="99"/>
      <c r="D26" s="100"/>
      <c r="E26" s="77" t="s">
        <v>60</v>
      </c>
      <c r="F26" s="76" t="s">
        <v>66</v>
      </c>
      <c r="G26" s="92" t="s">
        <v>135</v>
      </c>
      <c r="H26" s="112">
        <v>161.82</v>
      </c>
      <c r="I26" s="112"/>
      <c r="J26" s="113" t="s">
        <v>107</v>
      </c>
    </row>
    <row r="27" spans="1:10" ht="24" customHeight="1">
      <c r="A27" s="125">
        <v>9</v>
      </c>
      <c r="B27" s="98"/>
      <c r="C27" s="99"/>
      <c r="D27" s="100"/>
      <c r="E27" s="77" t="s">
        <v>60</v>
      </c>
      <c r="F27" s="76" t="s">
        <v>66</v>
      </c>
      <c r="G27" s="92" t="s">
        <v>143</v>
      </c>
      <c r="H27" s="110">
        <v>235.46</v>
      </c>
      <c r="I27" s="112"/>
      <c r="J27" s="113" t="s">
        <v>107</v>
      </c>
    </row>
    <row r="28" spans="1:10" ht="24" customHeight="1">
      <c r="A28" s="125">
        <v>10</v>
      </c>
      <c r="B28" s="98"/>
      <c r="C28" s="99"/>
      <c r="D28" s="100"/>
      <c r="E28" s="77" t="s">
        <v>60</v>
      </c>
      <c r="F28" s="76" t="s">
        <v>66</v>
      </c>
      <c r="G28" s="92" t="s">
        <v>67</v>
      </c>
      <c r="H28" s="110">
        <v>141.30000000000001</v>
      </c>
      <c r="I28" s="112"/>
      <c r="J28" s="113" t="s">
        <v>107</v>
      </c>
    </row>
    <row r="29" spans="1:10" ht="24" customHeight="1">
      <c r="A29" s="125">
        <v>11</v>
      </c>
      <c r="B29" s="98"/>
      <c r="C29" s="99"/>
      <c r="D29" s="100"/>
      <c r="E29" s="77" t="s">
        <v>60</v>
      </c>
      <c r="F29" s="76" t="s">
        <v>66</v>
      </c>
      <c r="G29" s="92" t="s">
        <v>68</v>
      </c>
      <c r="H29" s="110">
        <v>78.62</v>
      </c>
      <c r="I29" s="112"/>
      <c r="J29" s="113" t="s">
        <v>107</v>
      </c>
    </row>
    <row r="30" spans="1:10" ht="24" customHeight="1">
      <c r="A30" s="125">
        <v>12</v>
      </c>
      <c r="B30" s="98"/>
      <c r="C30" s="99"/>
      <c r="D30" s="100"/>
      <c r="E30" s="77" t="s">
        <v>60</v>
      </c>
      <c r="F30" s="76" t="s">
        <v>66</v>
      </c>
      <c r="G30" s="92" t="s">
        <v>69</v>
      </c>
      <c r="H30" s="110">
        <v>123.12</v>
      </c>
      <c r="I30" s="112"/>
      <c r="J30" s="113" t="s">
        <v>107</v>
      </c>
    </row>
    <row r="31" spans="1:10" ht="24" customHeight="1">
      <c r="A31" s="125">
        <v>13</v>
      </c>
      <c r="B31" s="98"/>
      <c r="C31" s="99"/>
      <c r="D31" s="100"/>
      <c r="E31" s="77" t="s">
        <v>60</v>
      </c>
      <c r="F31" s="76" t="s">
        <v>66</v>
      </c>
      <c r="G31" s="92" t="s">
        <v>70</v>
      </c>
      <c r="H31" s="110">
        <v>187.77</v>
      </c>
      <c r="I31" s="112"/>
      <c r="J31" s="113" t="s">
        <v>107</v>
      </c>
    </row>
    <row r="32" spans="1:10" ht="24" customHeight="1">
      <c r="A32" s="125">
        <v>14</v>
      </c>
      <c r="B32" s="98"/>
      <c r="C32" s="99"/>
      <c r="D32" s="100"/>
      <c r="E32" s="77" t="s">
        <v>60</v>
      </c>
      <c r="F32" s="76" t="s">
        <v>66</v>
      </c>
      <c r="G32" s="92" t="s">
        <v>80</v>
      </c>
      <c r="H32" s="112">
        <v>155.80000000000001</v>
      </c>
      <c r="I32" s="112"/>
      <c r="J32" s="113" t="s">
        <v>107</v>
      </c>
    </row>
    <row r="33" spans="1:10" ht="24" customHeight="1">
      <c r="A33" s="125">
        <v>15</v>
      </c>
      <c r="B33" s="98"/>
      <c r="C33" s="99"/>
      <c r="D33" s="100"/>
      <c r="E33" s="77" t="s">
        <v>60</v>
      </c>
      <c r="F33" s="76" t="s">
        <v>113</v>
      </c>
      <c r="G33" s="92" t="s">
        <v>114</v>
      </c>
      <c r="H33" s="112">
        <v>210.81</v>
      </c>
      <c r="I33" s="112"/>
      <c r="J33" s="113" t="s">
        <v>107</v>
      </c>
    </row>
    <row r="34" spans="1:10" ht="24" customHeight="1">
      <c r="A34" s="125">
        <v>16</v>
      </c>
      <c r="B34" s="98"/>
      <c r="C34" s="99"/>
      <c r="D34" s="100"/>
      <c r="E34" s="77" t="s">
        <v>60</v>
      </c>
      <c r="F34" s="76" t="s">
        <v>72</v>
      </c>
      <c r="G34" s="76" t="s">
        <v>73</v>
      </c>
      <c r="H34" s="110">
        <v>2458.67</v>
      </c>
      <c r="I34" s="112"/>
      <c r="J34" s="113" t="s">
        <v>107</v>
      </c>
    </row>
    <row r="35" spans="1:10" ht="24" customHeight="1">
      <c r="A35" s="125">
        <v>17</v>
      </c>
      <c r="B35" s="98"/>
      <c r="C35" s="99"/>
      <c r="D35" s="100"/>
      <c r="E35" s="77" t="s">
        <v>60</v>
      </c>
      <c r="F35" s="102" t="s">
        <v>164</v>
      </c>
      <c r="G35" s="103" t="s">
        <v>165</v>
      </c>
      <c r="H35" s="110">
        <v>257.52999999999997</v>
      </c>
      <c r="I35" s="112"/>
      <c r="J35" s="113" t="s">
        <v>107</v>
      </c>
    </row>
    <row r="36" spans="1:10" ht="24" customHeight="1">
      <c r="A36" s="126">
        <v>18</v>
      </c>
      <c r="B36" s="141"/>
      <c r="C36" s="142"/>
      <c r="D36" s="143"/>
      <c r="E36" s="101" t="s">
        <v>71</v>
      </c>
      <c r="F36" s="102" t="s">
        <v>166</v>
      </c>
      <c r="G36" s="103" t="s">
        <v>167</v>
      </c>
      <c r="H36" s="111">
        <v>1287.46</v>
      </c>
      <c r="I36" s="135"/>
      <c r="J36" s="144" t="s">
        <v>107</v>
      </c>
    </row>
    <row r="37" spans="1:10" ht="24" customHeight="1">
      <c r="A37" s="180" t="s">
        <v>102</v>
      </c>
      <c r="B37" s="181"/>
      <c r="C37" s="181"/>
      <c r="D37" s="181"/>
      <c r="E37" s="181"/>
      <c r="F37" s="181"/>
      <c r="G37" s="181"/>
      <c r="H37" s="78">
        <f>SUM(H19:H36)</f>
        <v>6573.9</v>
      </c>
      <c r="I37" s="78">
        <f>SUM(I19:I36)</f>
        <v>0</v>
      </c>
      <c r="J37" s="85"/>
    </row>
    <row r="38" spans="1:10" ht="27" customHeight="1">
      <c r="A38" s="94">
        <v>1</v>
      </c>
      <c r="B38" s="95"/>
      <c r="C38" s="95"/>
      <c r="D38" s="95"/>
      <c r="E38" s="106" t="s">
        <v>86</v>
      </c>
      <c r="F38" s="82" t="s">
        <v>115</v>
      </c>
      <c r="G38" s="83" t="s">
        <v>122</v>
      </c>
      <c r="H38" s="112">
        <v>169.67</v>
      </c>
      <c r="I38" s="112"/>
      <c r="J38" s="113" t="s">
        <v>107</v>
      </c>
    </row>
    <row r="39" spans="1:10" ht="27" customHeight="1">
      <c r="A39" s="150">
        <v>2</v>
      </c>
      <c r="B39" s="95"/>
      <c r="C39" s="95"/>
      <c r="D39" s="95"/>
      <c r="E39" s="108" t="s">
        <v>86</v>
      </c>
      <c r="F39" s="82" t="s">
        <v>115</v>
      </c>
      <c r="G39" s="83" t="s">
        <v>116</v>
      </c>
      <c r="H39" s="112">
        <v>52.84</v>
      </c>
      <c r="I39" s="112">
        <v>20</v>
      </c>
      <c r="J39" s="113" t="s">
        <v>107</v>
      </c>
    </row>
    <row r="40" spans="1:10" ht="27" customHeight="1">
      <c r="A40" s="138">
        <v>3</v>
      </c>
      <c r="B40" s="95"/>
      <c r="C40" s="95"/>
      <c r="D40" s="95"/>
      <c r="E40" s="108" t="s">
        <v>176</v>
      </c>
      <c r="F40" s="82" t="s">
        <v>177</v>
      </c>
      <c r="G40" s="83" t="s">
        <v>178</v>
      </c>
      <c r="H40" s="112">
        <v>243.85</v>
      </c>
      <c r="I40" s="112"/>
      <c r="J40" s="113" t="s">
        <v>107</v>
      </c>
    </row>
    <row r="41" spans="1:10" ht="24" customHeight="1">
      <c r="A41" s="150">
        <v>4</v>
      </c>
      <c r="B41" s="95"/>
      <c r="C41" s="95"/>
      <c r="D41" s="95"/>
      <c r="E41" s="108" t="s">
        <v>86</v>
      </c>
      <c r="F41" s="107" t="s">
        <v>87</v>
      </c>
      <c r="G41" s="83" t="s">
        <v>88</v>
      </c>
      <c r="H41" s="112">
        <v>60.81</v>
      </c>
      <c r="I41" s="112"/>
      <c r="J41" s="113" t="s">
        <v>107</v>
      </c>
    </row>
    <row r="42" spans="1:10" ht="24" customHeight="1">
      <c r="A42" s="138">
        <v>5</v>
      </c>
      <c r="B42" s="95"/>
      <c r="C42" s="95"/>
      <c r="D42" s="95"/>
      <c r="E42" s="106" t="s">
        <v>86</v>
      </c>
      <c r="F42" s="93" t="s">
        <v>89</v>
      </c>
      <c r="G42" s="73" t="s">
        <v>90</v>
      </c>
      <c r="H42" s="112">
        <v>122.03</v>
      </c>
      <c r="I42" s="112"/>
      <c r="J42" s="113" t="s">
        <v>107</v>
      </c>
    </row>
    <row r="43" spans="1:10" ht="24" customHeight="1">
      <c r="A43" s="151">
        <v>6</v>
      </c>
      <c r="B43" s="95"/>
      <c r="C43" s="95"/>
      <c r="D43" s="95"/>
      <c r="E43" s="106" t="s">
        <v>86</v>
      </c>
      <c r="F43" s="93" t="s">
        <v>91</v>
      </c>
      <c r="G43" s="73" t="s">
        <v>92</v>
      </c>
      <c r="H43" s="112">
        <v>250.86</v>
      </c>
      <c r="I43" s="112"/>
      <c r="J43" s="113" t="s">
        <v>107</v>
      </c>
    </row>
    <row r="44" spans="1:10" ht="24" customHeight="1">
      <c r="A44" s="150">
        <v>7</v>
      </c>
      <c r="B44" s="95"/>
      <c r="C44" s="95"/>
      <c r="D44" s="95"/>
      <c r="E44" s="106" t="s">
        <v>86</v>
      </c>
      <c r="F44" s="93" t="s">
        <v>93</v>
      </c>
      <c r="G44" s="73" t="s">
        <v>94</v>
      </c>
      <c r="H44" s="112">
        <v>105</v>
      </c>
      <c r="I44" s="112"/>
      <c r="J44" s="113" t="s">
        <v>107</v>
      </c>
    </row>
    <row r="45" spans="1:10" ht="24" customHeight="1">
      <c r="A45" s="150">
        <v>8</v>
      </c>
      <c r="B45" s="95"/>
      <c r="C45" s="95"/>
      <c r="D45" s="95"/>
      <c r="E45" s="106" t="s">
        <v>86</v>
      </c>
      <c r="F45" s="93" t="s">
        <v>95</v>
      </c>
      <c r="G45" s="83" t="s">
        <v>136</v>
      </c>
      <c r="H45" s="112">
        <v>93.9</v>
      </c>
      <c r="I45" s="112"/>
      <c r="J45" s="113" t="s">
        <v>107</v>
      </c>
    </row>
    <row r="46" spans="1:10" ht="24" customHeight="1">
      <c r="A46" s="138">
        <v>9</v>
      </c>
      <c r="B46" s="95"/>
      <c r="C46" s="95"/>
      <c r="D46" s="95"/>
      <c r="E46" s="120" t="s">
        <v>86</v>
      </c>
      <c r="F46" s="82" t="s">
        <v>96</v>
      </c>
      <c r="G46" s="83" t="s">
        <v>97</v>
      </c>
      <c r="H46" s="112">
        <v>91.79</v>
      </c>
      <c r="I46" s="112"/>
      <c r="J46" s="113" t="s">
        <v>107</v>
      </c>
    </row>
    <row r="47" spans="1:10" ht="24" customHeight="1">
      <c r="A47" s="151">
        <v>10</v>
      </c>
      <c r="B47" s="95"/>
      <c r="C47" s="95"/>
      <c r="D47" s="95"/>
      <c r="E47" s="106" t="s">
        <v>86</v>
      </c>
      <c r="F47" s="107" t="s">
        <v>98</v>
      </c>
      <c r="G47" s="83">
        <v>51</v>
      </c>
      <c r="H47" s="112">
        <v>360.36</v>
      </c>
      <c r="I47" s="112">
        <v>47</v>
      </c>
      <c r="J47" s="113" t="s">
        <v>107</v>
      </c>
    </row>
    <row r="48" spans="1:10" ht="24" customHeight="1">
      <c r="A48" s="150">
        <v>11</v>
      </c>
      <c r="B48" s="95"/>
      <c r="C48" s="95"/>
      <c r="D48" s="95"/>
      <c r="E48" s="108" t="s">
        <v>86</v>
      </c>
      <c r="F48" s="107" t="s">
        <v>123</v>
      </c>
      <c r="G48" s="83" t="s">
        <v>172</v>
      </c>
      <c r="H48" s="112">
        <v>357.98</v>
      </c>
      <c r="I48" s="112"/>
      <c r="J48" s="113" t="s">
        <v>107</v>
      </c>
    </row>
    <row r="49" spans="1:10" ht="24" customHeight="1">
      <c r="A49" s="150">
        <v>12</v>
      </c>
      <c r="B49" s="95"/>
      <c r="C49" s="95"/>
      <c r="D49" s="95"/>
      <c r="E49" s="108" t="s">
        <v>86</v>
      </c>
      <c r="F49" s="107" t="s">
        <v>99</v>
      </c>
      <c r="G49" s="83" t="s">
        <v>137</v>
      </c>
      <c r="H49" s="112">
        <v>42.13</v>
      </c>
      <c r="I49" s="112"/>
      <c r="J49" s="113" t="s">
        <v>107</v>
      </c>
    </row>
    <row r="50" spans="1:10" ht="24" customHeight="1">
      <c r="A50" s="138">
        <v>13</v>
      </c>
      <c r="B50" s="95"/>
      <c r="C50" s="95"/>
      <c r="D50" s="95"/>
      <c r="E50" s="108" t="s">
        <v>86</v>
      </c>
      <c r="F50" s="107" t="s">
        <v>99</v>
      </c>
      <c r="G50" s="83" t="s">
        <v>138</v>
      </c>
      <c r="H50" s="112">
        <v>134.22999999999999</v>
      </c>
      <c r="I50" s="112"/>
      <c r="J50" s="113" t="s">
        <v>107</v>
      </c>
    </row>
    <row r="51" spans="1:10" ht="24" customHeight="1">
      <c r="A51" s="138">
        <v>14</v>
      </c>
      <c r="B51" s="149"/>
      <c r="C51" s="149"/>
      <c r="D51" s="149"/>
      <c r="E51" s="106" t="s">
        <v>86</v>
      </c>
      <c r="F51" s="107" t="s">
        <v>99</v>
      </c>
      <c r="G51" s="83" t="s">
        <v>139</v>
      </c>
      <c r="H51" s="112">
        <v>106.55</v>
      </c>
      <c r="I51" s="112"/>
      <c r="J51" s="113" t="s">
        <v>107</v>
      </c>
    </row>
    <row r="52" spans="1:10" ht="24" customHeight="1">
      <c r="A52" s="169" t="s">
        <v>103</v>
      </c>
      <c r="B52" s="170"/>
      <c r="C52" s="170"/>
      <c r="D52" s="170"/>
      <c r="E52" s="170"/>
      <c r="F52" s="170"/>
      <c r="G52" s="171"/>
      <c r="H52" s="78">
        <f>SUM(H38:H51)</f>
        <v>2192.0000000000005</v>
      </c>
      <c r="I52" s="78">
        <f>SUM(I38:I50)</f>
        <v>67</v>
      </c>
      <c r="J52" s="85"/>
    </row>
    <row r="53" spans="1:10" ht="24" customHeight="1">
      <c r="A53" s="104">
        <v>1</v>
      </c>
      <c r="B53" s="86" t="s">
        <v>57</v>
      </c>
      <c r="C53" s="87">
        <v>6401</v>
      </c>
      <c r="D53" s="88">
        <v>1381</v>
      </c>
      <c r="E53" s="84" t="s">
        <v>74</v>
      </c>
      <c r="F53" s="82" t="s">
        <v>83</v>
      </c>
      <c r="G53" s="83" t="s">
        <v>85</v>
      </c>
      <c r="H53" s="112">
        <v>13.72</v>
      </c>
      <c r="I53" s="112"/>
      <c r="J53" s="113" t="s">
        <v>107</v>
      </c>
    </row>
    <row r="54" spans="1:10" ht="24" customHeight="1">
      <c r="A54" s="97">
        <v>2</v>
      </c>
      <c r="B54" s="98"/>
      <c r="C54" s="99"/>
      <c r="D54" s="100"/>
      <c r="E54" s="119" t="s">
        <v>74</v>
      </c>
      <c r="F54" s="82" t="s">
        <v>83</v>
      </c>
      <c r="G54" s="83" t="s">
        <v>117</v>
      </c>
      <c r="H54" s="112">
        <v>27.41</v>
      </c>
      <c r="I54" s="112"/>
      <c r="J54" s="113" t="s">
        <v>107</v>
      </c>
    </row>
    <row r="55" spans="1:10" ht="24" customHeight="1">
      <c r="A55" s="97">
        <v>3</v>
      </c>
      <c r="B55" s="98"/>
      <c r="C55" s="99"/>
      <c r="D55" s="100"/>
      <c r="E55" s="119" t="s">
        <v>74</v>
      </c>
      <c r="F55" s="82" t="s">
        <v>83</v>
      </c>
      <c r="G55" s="83" t="s">
        <v>118</v>
      </c>
      <c r="H55" s="112">
        <v>30.54</v>
      </c>
      <c r="I55" s="112"/>
      <c r="J55" s="113" t="s">
        <v>107</v>
      </c>
    </row>
    <row r="56" spans="1:10" ht="24" customHeight="1">
      <c r="A56" s="97">
        <v>4</v>
      </c>
      <c r="B56" s="98"/>
      <c r="C56" s="99"/>
      <c r="D56" s="100"/>
      <c r="E56" s="119" t="s">
        <v>74</v>
      </c>
      <c r="F56" s="82" t="s">
        <v>83</v>
      </c>
      <c r="G56" s="83" t="s">
        <v>119</v>
      </c>
      <c r="H56" s="112">
        <v>290.24</v>
      </c>
      <c r="I56" s="112"/>
      <c r="J56" s="113" t="s">
        <v>107</v>
      </c>
    </row>
    <row r="57" spans="1:10" ht="24" customHeight="1">
      <c r="A57" s="97">
        <v>5</v>
      </c>
      <c r="B57" s="98"/>
      <c r="C57" s="99"/>
      <c r="D57" s="100"/>
      <c r="E57" s="119" t="s">
        <v>74</v>
      </c>
      <c r="F57" s="82" t="s">
        <v>100</v>
      </c>
      <c r="G57" s="83" t="s">
        <v>110</v>
      </c>
      <c r="H57" s="112">
        <v>203.42</v>
      </c>
      <c r="I57" s="112"/>
      <c r="J57" s="113" t="s">
        <v>107</v>
      </c>
    </row>
    <row r="58" spans="1:10" ht="24" customHeight="1">
      <c r="A58" s="97">
        <v>6</v>
      </c>
      <c r="B58" s="98"/>
      <c r="C58" s="99"/>
      <c r="D58" s="100"/>
      <c r="E58" s="119" t="s">
        <v>74</v>
      </c>
      <c r="F58" s="82" t="s">
        <v>100</v>
      </c>
      <c r="G58" s="83" t="s">
        <v>112</v>
      </c>
      <c r="H58" s="112">
        <v>88.43</v>
      </c>
      <c r="I58" s="112"/>
      <c r="J58" s="113" t="s">
        <v>107</v>
      </c>
    </row>
    <row r="59" spans="1:10" ht="24" customHeight="1">
      <c r="A59" s="97">
        <v>7</v>
      </c>
      <c r="B59" s="98"/>
      <c r="C59" s="99"/>
      <c r="D59" s="100"/>
      <c r="E59" s="119" t="s">
        <v>74</v>
      </c>
      <c r="F59" s="82" t="s">
        <v>100</v>
      </c>
      <c r="G59" s="83" t="s">
        <v>173</v>
      </c>
      <c r="H59" s="112">
        <v>85.88</v>
      </c>
      <c r="I59" s="112"/>
      <c r="J59" s="113" t="s">
        <v>107</v>
      </c>
    </row>
    <row r="60" spans="1:10" ht="24" customHeight="1">
      <c r="A60" s="97">
        <v>8</v>
      </c>
      <c r="B60" s="98"/>
      <c r="C60" s="99"/>
      <c r="D60" s="100"/>
      <c r="E60" s="84" t="s">
        <v>74</v>
      </c>
      <c r="F60" s="82" t="s">
        <v>100</v>
      </c>
      <c r="G60" s="83" t="s">
        <v>111</v>
      </c>
      <c r="H60" s="112">
        <v>100.74</v>
      </c>
      <c r="I60" s="112"/>
      <c r="J60" s="113" t="s">
        <v>107</v>
      </c>
    </row>
    <row r="61" spans="1:10" ht="24" customHeight="1">
      <c r="A61" s="97">
        <v>9</v>
      </c>
      <c r="B61" s="98"/>
      <c r="C61" s="99"/>
      <c r="D61" s="100"/>
      <c r="E61" s="84" t="s">
        <v>74</v>
      </c>
      <c r="F61" s="82" t="s">
        <v>180</v>
      </c>
      <c r="G61" s="83" t="s">
        <v>181</v>
      </c>
      <c r="H61" s="112">
        <v>172.51</v>
      </c>
      <c r="I61" s="112"/>
      <c r="J61" s="113" t="s">
        <v>107</v>
      </c>
    </row>
    <row r="62" spans="1:10" ht="24" customHeight="1">
      <c r="A62" s="97">
        <v>10</v>
      </c>
      <c r="B62" s="98"/>
      <c r="C62" s="99"/>
      <c r="D62" s="100"/>
      <c r="E62" s="119" t="s">
        <v>74</v>
      </c>
      <c r="F62" s="82" t="s">
        <v>81</v>
      </c>
      <c r="G62" s="83" t="s">
        <v>82</v>
      </c>
      <c r="H62" s="112">
        <v>34.869999999999997</v>
      </c>
      <c r="I62" s="112"/>
      <c r="J62" s="113" t="s">
        <v>107</v>
      </c>
    </row>
    <row r="63" spans="1:10" ht="24" customHeight="1">
      <c r="A63" s="97">
        <v>11</v>
      </c>
      <c r="B63" s="98"/>
      <c r="C63" s="99"/>
      <c r="D63" s="100"/>
      <c r="E63" s="119" t="s">
        <v>74</v>
      </c>
      <c r="F63" s="82" t="s">
        <v>81</v>
      </c>
      <c r="G63" s="83" t="s">
        <v>120</v>
      </c>
      <c r="H63" s="112">
        <v>61.01</v>
      </c>
      <c r="I63" s="112"/>
      <c r="J63" s="113" t="s">
        <v>107</v>
      </c>
    </row>
    <row r="64" spans="1:10" ht="24" customHeight="1">
      <c r="A64" s="97">
        <v>12</v>
      </c>
      <c r="B64" s="98"/>
      <c r="C64" s="99"/>
      <c r="D64" s="100"/>
      <c r="E64" s="147" t="s">
        <v>74</v>
      </c>
      <c r="F64" s="82" t="s">
        <v>81</v>
      </c>
      <c r="G64" s="83" t="s">
        <v>121</v>
      </c>
      <c r="H64" s="112">
        <v>60.85</v>
      </c>
      <c r="I64" s="112"/>
      <c r="J64" s="113" t="s">
        <v>107</v>
      </c>
    </row>
    <row r="65" spans="1:10" ht="24" customHeight="1">
      <c r="A65" s="97">
        <v>13</v>
      </c>
      <c r="B65" s="98"/>
      <c r="C65" s="99"/>
      <c r="D65" s="100"/>
      <c r="E65" s="147" t="s">
        <v>74</v>
      </c>
      <c r="F65" s="93" t="s">
        <v>75</v>
      </c>
      <c r="G65" s="83" t="s">
        <v>76</v>
      </c>
      <c r="H65" s="112"/>
      <c r="I65" s="112">
        <v>57.6</v>
      </c>
      <c r="J65" s="113" t="s">
        <v>107</v>
      </c>
    </row>
    <row r="66" spans="1:10" ht="24" customHeight="1">
      <c r="A66" s="97">
        <v>14</v>
      </c>
      <c r="B66" s="98"/>
      <c r="C66" s="99"/>
      <c r="D66" s="100"/>
      <c r="E66" s="147" t="s">
        <v>74</v>
      </c>
      <c r="F66" s="93" t="s">
        <v>75</v>
      </c>
      <c r="G66" s="83" t="s">
        <v>79</v>
      </c>
      <c r="H66" s="112">
        <v>381.6</v>
      </c>
      <c r="I66" s="112"/>
      <c r="J66" s="113" t="s">
        <v>107</v>
      </c>
    </row>
    <row r="67" spans="1:10" ht="24" customHeight="1">
      <c r="A67" s="180" t="s">
        <v>77</v>
      </c>
      <c r="B67" s="181"/>
      <c r="C67" s="181"/>
      <c r="D67" s="181"/>
      <c r="E67" s="181"/>
      <c r="F67" s="181"/>
      <c r="G67" s="181"/>
      <c r="H67" s="78">
        <f>SUM(H53:H66)</f>
        <v>1551.2199999999998</v>
      </c>
      <c r="I67" s="78">
        <f>SUM(I53:I66)</f>
        <v>57.6</v>
      </c>
      <c r="J67" s="85"/>
    </row>
    <row r="68" spans="1:10" ht="24" customHeight="1">
      <c r="A68" s="174" t="s">
        <v>186</v>
      </c>
      <c r="B68" s="175"/>
      <c r="C68" s="175"/>
      <c r="D68" s="175"/>
      <c r="E68" s="175"/>
      <c r="F68" s="175"/>
      <c r="G68" s="175"/>
      <c r="H68" s="165" t="s">
        <v>105</v>
      </c>
      <c r="I68" s="165" t="s">
        <v>106</v>
      </c>
      <c r="J68" s="167" t="s">
        <v>10</v>
      </c>
    </row>
    <row r="69" spans="1:10" ht="15.75" customHeight="1">
      <c r="A69" s="176"/>
      <c r="B69" s="177"/>
      <c r="C69" s="177"/>
      <c r="D69" s="177"/>
      <c r="E69" s="177"/>
      <c r="F69" s="177"/>
      <c r="G69" s="177"/>
      <c r="H69" s="166"/>
      <c r="I69" s="166"/>
      <c r="J69" s="168"/>
    </row>
    <row r="70" spans="1:10" ht="24" customHeight="1">
      <c r="A70" s="178"/>
      <c r="B70" s="179"/>
      <c r="C70" s="179"/>
      <c r="D70" s="179"/>
      <c r="E70" s="179"/>
      <c r="F70" s="179"/>
      <c r="G70" s="179"/>
      <c r="H70" s="78">
        <f>H37+H52+H67+H18</f>
        <v>15197.239999999998</v>
      </c>
      <c r="I70" s="78">
        <f>I37+I52+I67+I18</f>
        <v>785.4</v>
      </c>
      <c r="J70" s="74">
        <f>SUM(H70:I70)</f>
        <v>15982.639999999998</v>
      </c>
    </row>
    <row r="71" spans="1:10" ht="24" customHeight="1"/>
    <row r="72" spans="1:10" ht="24" customHeight="1">
      <c r="B72" s="72"/>
      <c r="C72" s="72"/>
      <c r="D72" s="72"/>
      <c r="E72" s="72"/>
      <c r="F72" s="114" t="s">
        <v>51</v>
      </c>
      <c r="G72" s="114" t="s">
        <v>52</v>
      </c>
      <c r="H72" s="115"/>
      <c r="I72" s="115"/>
      <c r="J72" s="116"/>
    </row>
    <row r="73" spans="1:10" ht="24" customHeight="1">
      <c r="F73" s="116"/>
      <c r="G73" s="114" t="s">
        <v>53</v>
      </c>
      <c r="H73" s="115"/>
      <c r="I73" s="115"/>
      <c r="J73" s="117" t="s">
        <v>36</v>
      </c>
    </row>
    <row r="74" spans="1:10" ht="24" customHeight="1">
      <c r="F74" s="116"/>
      <c r="G74" s="114" t="s">
        <v>54</v>
      </c>
      <c r="H74" s="115"/>
      <c r="I74" s="115"/>
      <c r="J74" s="117" t="s">
        <v>55</v>
      </c>
    </row>
    <row r="75" spans="1:10" ht="24" customHeight="1"/>
    <row r="76" spans="1:10" ht="24" customHeight="1"/>
    <row r="77" spans="1:10" ht="24" customHeight="1">
      <c r="J77" s="79"/>
    </row>
    <row r="78" spans="1:10" ht="24" customHeight="1">
      <c r="J78" s="79"/>
    </row>
    <row r="79" spans="1:10" ht="15" customHeight="1">
      <c r="J79" s="79"/>
    </row>
    <row r="80" spans="1:10" ht="23.25" customHeight="1">
      <c r="J80" s="79"/>
    </row>
    <row r="81" spans="2:11" ht="23.25" customHeight="1"/>
    <row r="82" spans="2:11" ht="23.25" customHeight="1"/>
    <row r="85" spans="2:11" ht="15" customHeight="1">
      <c r="K85" s="79"/>
    </row>
    <row r="86" spans="2:11" ht="15" customHeight="1">
      <c r="K86" s="79"/>
    </row>
    <row r="87" spans="2:11" ht="15" customHeight="1">
      <c r="B87" s="6"/>
      <c r="C87" s="6"/>
      <c r="D87" s="6"/>
      <c r="E87" s="6"/>
      <c r="G87" s="6"/>
      <c r="H87" s="6"/>
      <c r="I87" s="6"/>
      <c r="K87" s="79"/>
    </row>
    <row r="88" spans="2:11" ht="15" customHeight="1">
      <c r="B88" s="6"/>
      <c r="C88" s="6"/>
      <c r="D88" s="6"/>
      <c r="E88" s="6"/>
      <c r="G88" s="6"/>
      <c r="H88" s="6"/>
      <c r="I88" s="6"/>
      <c r="K88" s="79"/>
    </row>
    <row r="89" spans="2:11" ht="15" customHeight="1">
      <c r="B89" s="6"/>
      <c r="C89" s="6"/>
      <c r="D89" s="6"/>
      <c r="E89" s="6"/>
      <c r="G89" s="6"/>
      <c r="H89" s="6"/>
      <c r="I89" s="6"/>
    </row>
    <row r="90" spans="2:11" ht="15" customHeight="1">
      <c r="B90" s="6"/>
      <c r="C90" s="6"/>
      <c r="D90" s="6"/>
      <c r="E90" s="6"/>
      <c r="G90" s="6"/>
      <c r="H90" s="6"/>
      <c r="I90" s="6"/>
    </row>
    <row r="91" spans="2:11" ht="15" customHeight="1">
      <c r="B91" s="6"/>
      <c r="C91" s="6"/>
      <c r="D91" s="6"/>
      <c r="E91" s="6"/>
      <c r="G91" s="6"/>
      <c r="H91" s="6"/>
      <c r="I91" s="6"/>
    </row>
    <row r="92" spans="2:11" ht="15" customHeight="1">
      <c r="B92" s="6"/>
      <c r="C92" s="6"/>
      <c r="D92" s="6"/>
      <c r="E92" s="6"/>
      <c r="G92" s="6"/>
      <c r="H92" s="6"/>
      <c r="I92" s="6"/>
    </row>
    <row r="93" spans="2:11" ht="15" customHeight="1">
      <c r="B93" s="6"/>
      <c r="C93" s="6"/>
      <c r="D93" s="6"/>
      <c r="E93" s="6"/>
      <c r="G93" s="6"/>
      <c r="H93" s="6"/>
      <c r="I93" s="6"/>
    </row>
    <row r="94" spans="2:11" ht="15" customHeight="1">
      <c r="B94" s="6"/>
      <c r="C94" s="6"/>
      <c r="D94" s="6"/>
      <c r="E94" s="6"/>
      <c r="G94" s="6"/>
      <c r="H94" s="6"/>
      <c r="I94" s="6"/>
    </row>
    <row r="95" spans="2:11" ht="24" customHeight="1">
      <c r="B95" s="6"/>
      <c r="C95" s="6"/>
      <c r="D95" s="6"/>
      <c r="E95" s="6"/>
      <c r="G95" s="6"/>
      <c r="H95" s="6"/>
      <c r="I95" s="6"/>
    </row>
    <row r="96" spans="2:11" ht="24" customHeight="1">
      <c r="B96" s="6"/>
      <c r="C96" s="6"/>
      <c r="D96" s="6"/>
      <c r="E96" s="6"/>
      <c r="G96" s="6"/>
      <c r="H96" s="6"/>
      <c r="I96" s="6"/>
    </row>
    <row r="97" spans="2:9" ht="24" customHeight="1">
      <c r="B97" s="6"/>
      <c r="C97" s="6"/>
      <c r="D97" s="6"/>
      <c r="E97" s="6"/>
      <c r="G97" s="6"/>
      <c r="H97" s="6"/>
      <c r="I97" s="6"/>
    </row>
    <row r="98" spans="2:9" ht="24" customHeight="1">
      <c r="B98" s="6"/>
      <c r="C98" s="6"/>
      <c r="D98" s="6"/>
      <c r="E98" s="6"/>
      <c r="G98" s="6"/>
      <c r="H98" s="6"/>
      <c r="I98" s="6"/>
    </row>
    <row r="99" spans="2:9" ht="24" customHeight="1">
      <c r="B99" s="6"/>
      <c r="C99" s="6"/>
      <c r="D99" s="6"/>
      <c r="E99" s="6"/>
      <c r="G99" s="6"/>
      <c r="H99" s="6"/>
      <c r="I99" s="6"/>
    </row>
    <row r="100" spans="2:9" ht="24" customHeight="1">
      <c r="B100" s="6"/>
      <c r="C100" s="6"/>
      <c r="D100" s="6"/>
      <c r="E100" s="6"/>
      <c r="G100" s="6"/>
      <c r="H100" s="6"/>
      <c r="I100" s="6"/>
    </row>
    <row r="101" spans="2:9" ht="24" customHeight="1">
      <c r="B101" s="6"/>
      <c r="C101" s="6"/>
      <c r="D101" s="6"/>
      <c r="E101" s="6"/>
      <c r="G101" s="6"/>
      <c r="H101" s="6"/>
      <c r="I101" s="6"/>
    </row>
    <row r="102" spans="2:9" ht="24" customHeight="1">
      <c r="B102" s="6"/>
      <c r="C102" s="6"/>
      <c r="D102" s="6"/>
      <c r="E102" s="6"/>
      <c r="G102" s="6"/>
      <c r="H102" s="6"/>
      <c r="I102" s="6"/>
    </row>
    <row r="103" spans="2:9" ht="24" customHeight="1">
      <c r="B103" s="6"/>
      <c r="C103" s="6"/>
      <c r="D103" s="6"/>
      <c r="E103" s="6"/>
      <c r="G103" s="6"/>
      <c r="H103" s="6"/>
      <c r="I103" s="6"/>
    </row>
    <row r="104" spans="2:9" ht="24" customHeight="1">
      <c r="B104" s="6"/>
      <c r="C104" s="6"/>
      <c r="D104" s="6"/>
      <c r="E104" s="6"/>
      <c r="G104" s="6"/>
      <c r="H104" s="6"/>
      <c r="I104" s="6"/>
    </row>
    <row r="105" spans="2:9" ht="24" customHeight="1">
      <c r="B105" s="6"/>
      <c r="C105" s="6"/>
      <c r="D105" s="6"/>
      <c r="E105" s="6"/>
      <c r="G105" s="6"/>
      <c r="H105" s="6"/>
      <c r="I105" s="6"/>
    </row>
    <row r="106" spans="2:9" ht="24" customHeight="1">
      <c r="B106" s="6"/>
      <c r="C106" s="6"/>
      <c r="D106" s="6"/>
      <c r="E106" s="6"/>
      <c r="G106" s="6"/>
      <c r="H106" s="6"/>
      <c r="I106" s="6"/>
    </row>
    <row r="107" spans="2:9" ht="24" customHeight="1">
      <c r="B107" s="6"/>
      <c r="C107" s="6"/>
      <c r="D107" s="6"/>
      <c r="E107" s="6"/>
      <c r="G107" s="6"/>
      <c r="H107" s="6"/>
      <c r="I107" s="6"/>
    </row>
    <row r="108" spans="2:9" ht="24" customHeight="1">
      <c r="B108" s="6"/>
      <c r="C108" s="6"/>
      <c r="D108" s="6"/>
      <c r="E108" s="6"/>
      <c r="G108" s="6"/>
      <c r="H108" s="6"/>
      <c r="I108" s="6"/>
    </row>
    <row r="109" spans="2:9" ht="24" customHeight="1">
      <c r="B109" s="6"/>
      <c r="C109" s="6"/>
      <c r="D109" s="6"/>
      <c r="E109" s="6"/>
      <c r="G109" s="6"/>
      <c r="H109" s="6"/>
      <c r="I109" s="6"/>
    </row>
    <row r="110" spans="2:9" ht="24" customHeight="1">
      <c r="B110" s="6"/>
      <c r="C110" s="6"/>
      <c r="D110" s="6"/>
      <c r="E110" s="6"/>
      <c r="G110" s="6"/>
      <c r="H110" s="6"/>
      <c r="I110" s="6"/>
    </row>
    <row r="111" spans="2:9" ht="24" customHeight="1">
      <c r="B111" s="6"/>
      <c r="C111" s="6"/>
      <c r="D111" s="6"/>
      <c r="E111" s="6"/>
      <c r="G111" s="6"/>
      <c r="H111" s="6"/>
      <c r="I111" s="6"/>
    </row>
    <row r="112" spans="2:9" ht="24" customHeight="1">
      <c r="B112" s="6"/>
      <c r="C112" s="6"/>
      <c r="D112" s="6"/>
      <c r="E112" s="6"/>
      <c r="G112" s="6"/>
      <c r="H112" s="6"/>
      <c r="I112" s="6"/>
    </row>
    <row r="113" spans="2:9" ht="24" customHeight="1">
      <c r="B113" s="6"/>
      <c r="C113" s="6"/>
      <c r="D113" s="6"/>
      <c r="E113" s="6"/>
      <c r="G113" s="6"/>
      <c r="H113" s="6"/>
      <c r="I113" s="6"/>
    </row>
    <row r="114" spans="2:9" ht="24" customHeight="1">
      <c r="B114" s="6"/>
      <c r="C114" s="6"/>
      <c r="D114" s="6"/>
      <c r="E114" s="6"/>
      <c r="G114" s="6"/>
      <c r="H114" s="6"/>
      <c r="I114" s="6"/>
    </row>
    <row r="115" spans="2:9" ht="24" customHeight="1">
      <c r="B115" s="6"/>
      <c r="C115" s="6"/>
      <c r="D115" s="6"/>
      <c r="E115" s="6"/>
      <c r="G115" s="6"/>
      <c r="H115" s="6"/>
      <c r="I115" s="6"/>
    </row>
    <row r="116" spans="2:9" ht="24" customHeight="1">
      <c r="B116" s="6"/>
      <c r="C116" s="6"/>
      <c r="D116" s="6"/>
      <c r="E116" s="6"/>
      <c r="G116" s="6"/>
      <c r="H116" s="6"/>
      <c r="I116" s="6"/>
    </row>
    <row r="117" spans="2:9" ht="24" customHeight="1">
      <c r="B117" s="6"/>
      <c r="C117" s="6"/>
      <c r="D117" s="6"/>
      <c r="E117" s="6"/>
      <c r="G117" s="6"/>
      <c r="H117" s="6"/>
      <c r="I117" s="6"/>
    </row>
    <row r="118" spans="2:9" ht="24" customHeight="1">
      <c r="B118" s="6"/>
      <c r="C118" s="6"/>
      <c r="D118" s="6"/>
      <c r="E118" s="6"/>
      <c r="G118" s="6"/>
      <c r="H118" s="6"/>
      <c r="I118" s="6"/>
    </row>
    <row r="119" spans="2:9" ht="24" customHeight="1">
      <c r="B119" s="6"/>
      <c r="C119" s="6"/>
      <c r="D119" s="6"/>
      <c r="E119" s="6"/>
      <c r="G119" s="6"/>
      <c r="H119" s="6"/>
      <c r="I119" s="6"/>
    </row>
    <row r="120" spans="2:9" ht="24" customHeight="1">
      <c r="B120" s="6"/>
      <c r="C120" s="6"/>
      <c r="D120" s="6"/>
      <c r="E120" s="6"/>
      <c r="G120" s="6"/>
      <c r="H120" s="6"/>
      <c r="I120" s="6"/>
    </row>
    <row r="121" spans="2:9" ht="24" customHeight="1">
      <c r="B121" s="6"/>
      <c r="C121" s="6"/>
      <c r="D121" s="6"/>
      <c r="E121" s="6"/>
      <c r="G121" s="6"/>
      <c r="H121" s="6"/>
      <c r="I121" s="6"/>
    </row>
    <row r="122" spans="2:9" ht="24" customHeight="1"/>
    <row r="123" spans="2:9" ht="24" customHeight="1">
      <c r="B123" s="6"/>
      <c r="C123" s="6"/>
      <c r="D123" s="6"/>
      <c r="E123" s="6"/>
      <c r="G123" s="6"/>
      <c r="H123" s="6"/>
      <c r="I123" s="6"/>
    </row>
    <row r="124" spans="2:9" ht="24" customHeight="1">
      <c r="B124" s="6"/>
      <c r="C124" s="6"/>
      <c r="D124" s="6"/>
      <c r="E124" s="6"/>
      <c r="G124" s="6"/>
      <c r="H124" s="6"/>
      <c r="I124" s="6"/>
    </row>
    <row r="125" spans="2:9" ht="24" customHeight="1">
      <c r="B125" s="6"/>
      <c r="C125" s="6"/>
      <c r="D125" s="6"/>
      <c r="E125" s="6"/>
      <c r="G125" s="6"/>
      <c r="H125" s="6"/>
      <c r="I125" s="6"/>
    </row>
    <row r="126" spans="2:9" ht="27" customHeight="1"/>
    <row r="128" spans="2:9" ht="15" customHeight="1">
      <c r="B128" s="6"/>
      <c r="C128" s="6"/>
      <c r="D128" s="6"/>
      <c r="E128" s="6"/>
      <c r="G128" s="6"/>
      <c r="H128" s="6"/>
      <c r="I128" s="6"/>
    </row>
    <row r="129" spans="2:9" ht="15" customHeight="1">
      <c r="B129" s="6"/>
      <c r="C129" s="6"/>
      <c r="D129" s="6"/>
      <c r="E129" s="6"/>
      <c r="G129" s="6"/>
      <c r="H129" s="6"/>
      <c r="I129" s="6"/>
    </row>
    <row r="130" spans="2:9" ht="15" customHeight="1">
      <c r="B130" s="6"/>
      <c r="C130" s="6"/>
      <c r="D130" s="6"/>
      <c r="E130" s="6"/>
      <c r="G130" s="6"/>
      <c r="H130" s="6"/>
      <c r="I130" s="6"/>
    </row>
    <row r="131" spans="2:9" ht="15" customHeight="1">
      <c r="B131" s="6"/>
      <c r="C131" s="6"/>
      <c r="D131" s="6"/>
      <c r="E131" s="6"/>
      <c r="G131" s="6"/>
      <c r="H131" s="6"/>
      <c r="I131" s="6"/>
    </row>
  </sheetData>
  <mergeCells count="18">
    <mergeCell ref="J68:J69"/>
    <mergeCell ref="A52:G52"/>
    <mergeCell ref="J2:J3"/>
    <mergeCell ref="A68:G70"/>
    <mergeCell ref="H68:H69"/>
    <mergeCell ref="I68:I69"/>
    <mergeCell ref="A37:G37"/>
    <mergeCell ref="A67:G67"/>
    <mergeCell ref="A18:G18"/>
    <mergeCell ref="A1:I1"/>
    <mergeCell ref="A2:A3"/>
    <mergeCell ref="E2:E3"/>
    <mergeCell ref="F2:F3"/>
    <mergeCell ref="C2:D2"/>
    <mergeCell ref="B2:B3"/>
    <mergeCell ref="I2:I3"/>
    <mergeCell ref="H2:H3"/>
    <mergeCell ref="G2:G3"/>
  </mergeCells>
  <phoneticPr fontId="3"/>
  <dataValidations count="2">
    <dataValidation imeMode="off" allowBlank="1" showInputMessage="1" showErrorMessage="1" sqref="G71 G75:G65499 G35:G36 G2:G17 H25:H26 I28:I36 G19:H19 I19:I22 H4:H17 H32:H33 H36 G38:G51 H37:I67 G53:G66"/>
    <dataValidation imeMode="hiragana" allowBlank="1" showInputMessage="1" showErrorMessage="1" sqref="B73:B65499 F71:F72 B71 G72:G74 F75:F65499 A1 F35:F36 B2:B17 F2:F17 F38:F51 F53:F66"/>
  </dataValidations>
  <printOptions horizontalCentered="1"/>
  <pageMargins left="0.78740157480314965" right="0.35433070866141736" top="0.39370078740157483" bottom="0.23622047244094491" header="0.23622047244094491" footer="0.19685039370078741"/>
  <pageSetup paperSize="9" scale="93" fitToHeight="0" orientation="portrait" blackAndWhite="1" r:id="rId1"/>
  <headerFooter alignWithMargins="0"/>
  <rowBreaks count="2" manualBreakCount="2">
    <brk id="37" max="9" man="1"/>
    <brk id="86" max="11" man="1"/>
  </rowBreak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I34"/>
  <sheetViews>
    <sheetView view="pageBreakPreview" zoomScale="115" zoomScaleNormal="100" workbookViewId="0">
      <selection activeCell="C4" sqref="C4:I4"/>
    </sheetView>
  </sheetViews>
  <sheetFormatPr defaultRowHeight="13.5"/>
  <cols>
    <col min="1" max="1" width="7.125" customWidth="1"/>
    <col min="6" max="6" width="14.25" customWidth="1"/>
    <col min="9" max="9" width="3.5" customWidth="1"/>
  </cols>
  <sheetData>
    <row r="1" spans="1:9" ht="51.75" customHeight="1">
      <c r="A1" s="5"/>
      <c r="B1" s="5"/>
      <c r="C1" s="5"/>
      <c r="D1" s="5"/>
      <c r="E1" s="5"/>
      <c r="F1" s="5"/>
      <c r="G1" s="5"/>
      <c r="H1" s="191" t="s">
        <v>14</v>
      </c>
      <c r="I1" s="191"/>
    </row>
    <row r="2" spans="1:9" ht="38.25" customHeight="1">
      <c r="A2" s="5"/>
      <c r="B2" s="192" t="s">
        <v>15</v>
      </c>
      <c r="C2" s="192"/>
      <c r="D2" s="192"/>
      <c r="E2" s="192"/>
      <c r="F2" s="192"/>
      <c r="G2" s="192"/>
      <c r="H2" s="192"/>
      <c r="I2" s="5"/>
    </row>
    <row r="3" spans="1:9" ht="24" customHeight="1">
      <c r="A3" s="5"/>
      <c r="B3" s="5"/>
      <c r="C3" s="5"/>
      <c r="D3" s="5"/>
      <c r="E3" s="5"/>
      <c r="F3" s="5"/>
      <c r="G3" s="5"/>
      <c r="H3" s="5"/>
      <c r="I3" s="5"/>
    </row>
    <row r="4" spans="1:9" s="20" customFormat="1" ht="41.25" customHeight="1">
      <c r="A4" s="205" t="s">
        <v>16</v>
      </c>
      <c r="B4" s="207"/>
      <c r="C4" s="211" t="s">
        <v>188</v>
      </c>
      <c r="D4" s="212"/>
      <c r="E4" s="212"/>
      <c r="F4" s="212"/>
      <c r="G4" s="212"/>
      <c r="H4" s="212"/>
      <c r="I4" s="213"/>
    </row>
    <row r="5" spans="1:9" s="20" customFormat="1" ht="41.25" customHeight="1">
      <c r="A5" s="193" t="s">
        <v>124</v>
      </c>
      <c r="B5" s="194"/>
      <c r="C5" s="194"/>
      <c r="D5" s="194"/>
      <c r="E5" s="194"/>
      <c r="F5" s="194"/>
      <c r="G5" s="194"/>
      <c r="H5" s="194"/>
      <c r="I5" s="195"/>
    </row>
    <row r="6" spans="1:9" s="20" customFormat="1" ht="37.5" customHeight="1">
      <c r="A6" s="205" t="s">
        <v>17</v>
      </c>
      <c r="B6" s="206"/>
      <c r="C6" s="206"/>
      <c r="D6" s="206"/>
      <c r="E6" s="207"/>
      <c r="F6" s="208" t="s">
        <v>18</v>
      </c>
      <c r="G6" s="196" t="s">
        <v>19</v>
      </c>
      <c r="H6" s="197"/>
      <c r="I6" s="198"/>
    </row>
    <row r="7" spans="1:9" s="20" customFormat="1" ht="18.75" customHeight="1">
      <c r="A7" s="214" t="s">
        <v>20</v>
      </c>
      <c r="B7" s="196" t="s">
        <v>21</v>
      </c>
      <c r="C7" s="197"/>
      <c r="D7" s="197"/>
      <c r="E7" s="198"/>
      <c r="F7" s="209"/>
      <c r="G7" s="199"/>
      <c r="H7" s="200"/>
      <c r="I7" s="201"/>
    </row>
    <row r="8" spans="1:9" s="20" customFormat="1" ht="18.75" customHeight="1">
      <c r="A8" s="215"/>
      <c r="B8" s="202"/>
      <c r="C8" s="203"/>
      <c r="D8" s="203"/>
      <c r="E8" s="204"/>
      <c r="F8" s="210"/>
      <c r="G8" s="202"/>
      <c r="H8" s="203"/>
      <c r="I8" s="204"/>
    </row>
    <row r="9" spans="1:9" s="20" customFormat="1" ht="18.75" customHeight="1">
      <c r="A9" s="14"/>
      <c r="B9" s="185"/>
      <c r="C9" s="186"/>
      <c r="D9" s="186"/>
      <c r="E9" s="187"/>
      <c r="F9" s="14" t="s">
        <v>22</v>
      </c>
      <c r="G9" s="12"/>
      <c r="H9" s="13"/>
      <c r="I9" s="15"/>
    </row>
    <row r="10" spans="1:9" s="20" customFormat="1" ht="18.75" customHeight="1">
      <c r="A10" s="18"/>
      <c r="B10" s="188"/>
      <c r="C10" s="189"/>
      <c r="D10" s="189"/>
      <c r="E10" s="190"/>
      <c r="F10" s="18" t="s">
        <v>23</v>
      </c>
      <c r="G10" s="9"/>
      <c r="H10" s="10"/>
      <c r="I10" s="11"/>
    </row>
    <row r="11" spans="1:9" s="20" customFormat="1" ht="18.75" customHeight="1">
      <c r="A11" s="14"/>
      <c r="B11" s="185"/>
      <c r="C11" s="186"/>
      <c r="D11" s="186"/>
      <c r="E11" s="187"/>
      <c r="F11" s="14"/>
      <c r="G11" s="12"/>
      <c r="H11" s="13"/>
      <c r="I11" s="15"/>
    </row>
    <row r="12" spans="1:9" s="20" customFormat="1" ht="18.75" customHeight="1">
      <c r="A12" s="18"/>
      <c r="B12" s="188"/>
      <c r="C12" s="189"/>
      <c r="D12" s="189"/>
      <c r="E12" s="190"/>
      <c r="F12" s="18"/>
      <c r="G12" s="9"/>
      <c r="H12" s="10"/>
      <c r="I12" s="11"/>
    </row>
    <row r="13" spans="1:9" s="20" customFormat="1" ht="18" customHeight="1">
      <c r="A13" s="14"/>
      <c r="B13" s="185"/>
      <c r="C13" s="186"/>
      <c r="D13" s="186"/>
      <c r="E13" s="187"/>
      <c r="F13" s="14"/>
      <c r="G13" s="12"/>
      <c r="H13" s="13"/>
      <c r="I13" s="15"/>
    </row>
    <row r="14" spans="1:9" s="20" customFormat="1" ht="18.75" customHeight="1">
      <c r="A14" s="18"/>
      <c r="B14" s="188"/>
      <c r="C14" s="189"/>
      <c r="D14" s="189"/>
      <c r="E14" s="190"/>
      <c r="F14" s="18"/>
      <c r="G14" s="9"/>
      <c r="H14" s="10"/>
      <c r="I14" s="11"/>
    </row>
    <row r="15" spans="1:9" s="20" customFormat="1" ht="18.75" customHeight="1">
      <c r="A15" s="14"/>
      <c r="B15" s="185"/>
      <c r="C15" s="186"/>
      <c r="D15" s="186"/>
      <c r="E15" s="187"/>
      <c r="F15" s="14"/>
      <c r="G15" s="12"/>
      <c r="H15" s="13"/>
      <c r="I15" s="15"/>
    </row>
    <row r="16" spans="1:9" s="20" customFormat="1" ht="18.75" customHeight="1">
      <c r="A16" s="18"/>
      <c r="B16" s="188"/>
      <c r="C16" s="189"/>
      <c r="D16" s="189"/>
      <c r="E16" s="190"/>
      <c r="F16" s="18"/>
      <c r="G16" s="9"/>
      <c r="H16" s="10"/>
      <c r="I16" s="11"/>
    </row>
    <row r="17" spans="1:9" s="20" customFormat="1" ht="18.75" customHeight="1">
      <c r="A17" s="14"/>
      <c r="B17" s="185"/>
      <c r="C17" s="186"/>
      <c r="D17" s="186"/>
      <c r="E17" s="187"/>
      <c r="F17" s="14"/>
      <c r="G17" s="12"/>
      <c r="H17" s="13"/>
      <c r="I17" s="15"/>
    </row>
    <row r="18" spans="1:9" s="20" customFormat="1" ht="18.75" customHeight="1">
      <c r="A18" s="18"/>
      <c r="B18" s="188"/>
      <c r="C18" s="189"/>
      <c r="D18" s="189"/>
      <c r="E18" s="190"/>
      <c r="F18" s="18"/>
      <c r="G18" s="9"/>
      <c r="H18" s="10"/>
      <c r="I18" s="11"/>
    </row>
    <row r="19" spans="1:9" s="20" customFormat="1" ht="18.75" customHeight="1">
      <c r="A19" s="14"/>
      <c r="B19" s="185"/>
      <c r="C19" s="186"/>
      <c r="D19" s="186"/>
      <c r="E19" s="187"/>
      <c r="F19" s="14"/>
      <c r="G19" s="12"/>
      <c r="H19" s="13"/>
      <c r="I19" s="15"/>
    </row>
    <row r="20" spans="1:9" ht="18" customHeight="1">
      <c r="A20" s="22"/>
      <c r="B20" s="188"/>
      <c r="C20" s="189"/>
      <c r="D20" s="189"/>
      <c r="E20" s="190"/>
      <c r="F20" s="22"/>
      <c r="G20" s="23"/>
      <c r="H20" s="24"/>
      <c r="I20" s="25"/>
    </row>
    <row r="21" spans="1:9" ht="18.75" customHeight="1">
      <c r="A21" s="3"/>
      <c r="B21" s="185"/>
      <c r="C21" s="186"/>
      <c r="D21" s="186"/>
      <c r="E21" s="187"/>
      <c r="F21" s="3"/>
      <c r="G21" s="26"/>
      <c r="H21" s="27"/>
      <c r="I21" s="28"/>
    </row>
    <row r="22" spans="1:9" ht="18.75" customHeight="1">
      <c r="A22" s="22"/>
      <c r="B22" s="188"/>
      <c r="C22" s="189"/>
      <c r="D22" s="189"/>
      <c r="E22" s="190"/>
      <c r="F22" s="22"/>
      <c r="G22" s="23"/>
      <c r="H22" s="24"/>
      <c r="I22" s="25"/>
    </row>
    <row r="23" spans="1:9" ht="18.75" customHeight="1">
      <c r="A23" s="3"/>
      <c r="B23" s="185"/>
      <c r="C23" s="186"/>
      <c r="D23" s="186"/>
      <c r="E23" s="187"/>
      <c r="F23" s="3"/>
      <c r="G23" s="26"/>
      <c r="H23" s="27"/>
      <c r="I23" s="28"/>
    </row>
    <row r="24" spans="1:9" ht="18.75" customHeight="1">
      <c r="A24" s="22"/>
      <c r="B24" s="188"/>
      <c r="C24" s="189"/>
      <c r="D24" s="189"/>
      <c r="E24" s="190"/>
      <c r="F24" s="22"/>
      <c r="G24" s="23"/>
      <c r="H24" s="24"/>
      <c r="I24" s="25"/>
    </row>
    <row r="25" spans="1:9" ht="18.75" customHeight="1">
      <c r="A25" s="3"/>
      <c r="B25" s="185"/>
      <c r="C25" s="186"/>
      <c r="D25" s="186"/>
      <c r="E25" s="187"/>
      <c r="F25" s="3"/>
      <c r="G25" s="26"/>
      <c r="H25" s="27"/>
      <c r="I25" s="28"/>
    </row>
    <row r="26" spans="1:9" ht="18.75" customHeight="1">
      <c r="A26" s="22"/>
      <c r="B26" s="188"/>
      <c r="C26" s="189"/>
      <c r="D26" s="189"/>
      <c r="E26" s="190"/>
      <c r="F26" s="22"/>
      <c r="G26" s="23"/>
      <c r="H26" s="24"/>
      <c r="I26" s="25"/>
    </row>
    <row r="27" spans="1:9" ht="18.75" customHeight="1">
      <c r="A27" s="3"/>
      <c r="B27" s="185"/>
      <c r="C27" s="186"/>
      <c r="D27" s="186"/>
      <c r="E27" s="187"/>
      <c r="F27" s="3"/>
      <c r="G27" s="26"/>
      <c r="H27" s="27"/>
      <c r="I27" s="28"/>
    </row>
    <row r="28" spans="1:9" ht="18.75" customHeight="1">
      <c r="A28" s="22"/>
      <c r="B28" s="188"/>
      <c r="C28" s="189"/>
      <c r="D28" s="189"/>
      <c r="E28" s="190"/>
      <c r="F28" s="22"/>
      <c r="G28" s="23"/>
      <c r="H28" s="24"/>
      <c r="I28" s="25"/>
    </row>
    <row r="29" spans="1:9" ht="18.75" customHeight="1">
      <c r="A29" s="3"/>
      <c r="B29" s="185"/>
      <c r="C29" s="186"/>
      <c r="D29" s="186"/>
      <c r="E29" s="187"/>
      <c r="F29" s="3"/>
      <c r="G29" s="26"/>
      <c r="H29" s="27"/>
      <c r="I29" s="28"/>
    </row>
    <row r="30" spans="1:9" ht="18.75" customHeight="1">
      <c r="A30" s="22"/>
      <c r="B30" s="188"/>
      <c r="C30" s="189"/>
      <c r="D30" s="189"/>
      <c r="E30" s="190"/>
      <c r="F30" s="22"/>
      <c r="G30" s="23"/>
      <c r="H30" s="24"/>
      <c r="I30" s="25"/>
    </row>
    <row r="31" spans="1:9" ht="18.75" customHeight="1">
      <c r="A31" s="3"/>
      <c r="B31" s="185"/>
      <c r="C31" s="186"/>
      <c r="D31" s="186"/>
      <c r="E31" s="187"/>
      <c r="F31" s="3"/>
      <c r="G31" s="26"/>
      <c r="H31" s="27"/>
      <c r="I31" s="28"/>
    </row>
    <row r="32" spans="1:9" ht="18.75" customHeight="1">
      <c r="A32" s="22"/>
      <c r="B32" s="188"/>
      <c r="C32" s="189"/>
      <c r="D32" s="189"/>
      <c r="E32" s="190"/>
      <c r="F32" s="22"/>
      <c r="G32" s="23"/>
      <c r="H32" s="24"/>
      <c r="I32" s="25"/>
    </row>
    <row r="33" spans="1:9" ht="18.75" customHeight="1">
      <c r="A33" s="3"/>
      <c r="B33" s="185"/>
      <c r="C33" s="186"/>
      <c r="D33" s="186"/>
      <c r="E33" s="187"/>
      <c r="F33" s="3"/>
      <c r="G33" s="26"/>
      <c r="H33" s="27"/>
      <c r="I33" s="28"/>
    </row>
    <row r="34" spans="1:9" ht="18.75" customHeight="1">
      <c r="A34" s="22"/>
      <c r="B34" s="188"/>
      <c r="C34" s="189"/>
      <c r="D34" s="189"/>
      <c r="E34" s="190"/>
      <c r="F34" s="22"/>
      <c r="G34" s="23"/>
      <c r="H34" s="24"/>
      <c r="I34" s="25"/>
    </row>
  </sheetData>
  <mergeCells count="23">
    <mergeCell ref="G6:I8"/>
    <mergeCell ref="A6:E6"/>
    <mergeCell ref="F6:F8"/>
    <mergeCell ref="A4:B4"/>
    <mergeCell ref="B7:E8"/>
    <mergeCell ref="C4:I4"/>
    <mergeCell ref="A7:A8"/>
    <mergeCell ref="B13:E14"/>
    <mergeCell ref="B15:E16"/>
    <mergeCell ref="B31:E32"/>
    <mergeCell ref="B33:E34"/>
    <mergeCell ref="H1:I1"/>
    <mergeCell ref="B25:E26"/>
    <mergeCell ref="B27:E28"/>
    <mergeCell ref="B29:E30"/>
    <mergeCell ref="B17:E18"/>
    <mergeCell ref="B19:E20"/>
    <mergeCell ref="B21:E22"/>
    <mergeCell ref="B23:E24"/>
    <mergeCell ref="B9:E10"/>
    <mergeCell ref="B11:E12"/>
    <mergeCell ref="B2:H2"/>
    <mergeCell ref="A5:I5"/>
  </mergeCells>
  <phoneticPr fontId="3"/>
  <printOptions horizontalCentered="1"/>
  <pageMargins left="0.78" right="0.78740157480314965" top="0.98425196850393704" bottom="0.98425196850393704" header="0.51181102362204722" footer="0.51181102362204722"/>
  <pageSetup paperSize="9" orientation="portrait" copies="3" r:id="rId1"/>
  <headerFooter alignWithMargins="0"/>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J24"/>
  <sheetViews>
    <sheetView view="pageBreakPreview" zoomScaleNormal="100" workbookViewId="0">
      <selection activeCell="H6" sqref="H6"/>
    </sheetView>
  </sheetViews>
  <sheetFormatPr defaultRowHeight="13.5"/>
  <cols>
    <col min="1" max="2" width="10.25" customWidth="1"/>
    <col min="3" max="3" width="11.625" customWidth="1"/>
    <col min="4" max="4" width="1.625" customWidth="1"/>
    <col min="6" max="6" width="10.375" customWidth="1"/>
    <col min="7" max="7" width="9.25" customWidth="1"/>
    <col min="8" max="8" width="21.5" customWidth="1"/>
    <col min="9" max="9" width="0.25" hidden="1" customWidth="1"/>
    <col min="10" max="10" width="5.125" customWidth="1"/>
  </cols>
  <sheetData>
    <row r="1" spans="1:10" ht="43.5" customHeight="1">
      <c r="A1" s="26"/>
      <c r="B1" s="27"/>
      <c r="C1" s="218" t="s">
        <v>34</v>
      </c>
      <c r="D1" s="218"/>
      <c r="E1" s="218"/>
      <c r="F1" s="218"/>
      <c r="G1" s="218"/>
      <c r="H1" s="81"/>
      <c r="I1" s="27"/>
      <c r="J1" s="28"/>
    </row>
    <row r="2" spans="1:10">
      <c r="A2" s="39"/>
      <c r="B2" s="1"/>
      <c r="C2" s="1"/>
      <c r="D2" s="1"/>
      <c r="E2" s="1"/>
      <c r="F2" s="1"/>
      <c r="G2" s="1"/>
      <c r="H2" s="1"/>
      <c r="I2" s="1"/>
      <c r="J2" s="38"/>
    </row>
    <row r="3" spans="1:10" ht="36" customHeight="1">
      <c r="A3" s="49"/>
      <c r="B3" s="50"/>
      <c r="C3" s="50"/>
      <c r="D3" s="50"/>
      <c r="E3" s="50"/>
      <c r="F3" s="50"/>
      <c r="G3" s="222" t="s">
        <v>126</v>
      </c>
      <c r="H3" s="222"/>
      <c r="I3" s="50"/>
      <c r="J3" s="51"/>
    </row>
    <row r="4" spans="1:10" ht="29.25" customHeight="1">
      <c r="A4" s="225" t="s">
        <v>78</v>
      </c>
      <c r="B4" s="222"/>
      <c r="C4" s="222"/>
      <c r="D4" s="50"/>
      <c r="E4" s="50"/>
      <c r="F4" s="50"/>
      <c r="G4" s="52"/>
      <c r="H4" s="52"/>
      <c r="I4" s="50"/>
      <c r="J4" s="51"/>
    </row>
    <row r="5" spans="1:10" ht="42" customHeight="1">
      <c r="A5" s="49"/>
      <c r="B5" s="50"/>
      <c r="C5" s="50"/>
      <c r="D5" s="50"/>
      <c r="E5" s="50" t="s">
        <v>5</v>
      </c>
      <c r="F5" s="50"/>
      <c r="G5" s="50" t="s">
        <v>48</v>
      </c>
      <c r="H5" s="53"/>
      <c r="I5" s="50"/>
      <c r="J5" s="51"/>
    </row>
    <row r="6" spans="1:10" ht="31.5" customHeight="1">
      <c r="A6" s="49"/>
      <c r="B6" s="50"/>
      <c r="C6" s="50"/>
      <c r="D6" s="50"/>
      <c r="E6" s="50" t="s">
        <v>35</v>
      </c>
      <c r="F6" s="50"/>
      <c r="G6" s="50"/>
      <c r="I6" s="50"/>
      <c r="J6" s="54" t="s">
        <v>36</v>
      </c>
    </row>
    <row r="7" spans="1:10" ht="40.5" customHeight="1">
      <c r="A7" s="49"/>
      <c r="B7" s="50" t="s">
        <v>37</v>
      </c>
      <c r="C7" s="223" t="s">
        <v>187</v>
      </c>
      <c r="D7" s="224"/>
      <c r="E7" s="224"/>
      <c r="F7" s="224"/>
      <c r="G7" s="224"/>
      <c r="H7" s="50"/>
      <c r="I7" s="50"/>
      <c r="J7" s="51"/>
    </row>
    <row r="8" spans="1:10" ht="42" customHeight="1">
      <c r="A8" s="55" t="s">
        <v>125</v>
      </c>
      <c r="B8" s="50"/>
      <c r="C8" s="50"/>
      <c r="D8" s="50"/>
      <c r="E8" s="50"/>
      <c r="F8" s="50"/>
      <c r="G8" s="50"/>
      <c r="H8" s="50"/>
      <c r="I8" s="50"/>
      <c r="J8" s="51"/>
    </row>
    <row r="9" spans="1:10" ht="25.5" customHeight="1">
      <c r="A9" s="123" t="s">
        <v>131</v>
      </c>
      <c r="B9" s="50" t="s">
        <v>109</v>
      </c>
      <c r="C9" s="50"/>
      <c r="D9" s="50" t="s">
        <v>132</v>
      </c>
      <c r="E9" s="50"/>
      <c r="F9" s="50"/>
      <c r="G9" s="53" t="s">
        <v>0</v>
      </c>
      <c r="H9" s="124" t="s">
        <v>133</v>
      </c>
      <c r="I9" s="50"/>
      <c r="J9" s="51"/>
    </row>
    <row r="10" spans="1:10" ht="30.75" customHeight="1">
      <c r="A10" s="39" t="s">
        <v>38</v>
      </c>
      <c r="B10" s="1"/>
      <c r="C10" s="1"/>
      <c r="D10" s="1"/>
      <c r="E10" s="1"/>
      <c r="F10" s="1"/>
      <c r="G10" s="1"/>
      <c r="H10" s="1"/>
      <c r="I10" s="1"/>
      <c r="J10" s="38"/>
    </row>
    <row r="11" spans="1:10" ht="30.75" customHeight="1">
      <c r="A11" s="39" t="s">
        <v>39</v>
      </c>
      <c r="B11" s="1"/>
      <c r="C11" s="1"/>
      <c r="D11" s="1"/>
      <c r="E11" s="1"/>
      <c r="F11" s="1"/>
      <c r="G11" s="1"/>
      <c r="H11" s="1"/>
      <c r="I11" s="1"/>
      <c r="J11" s="38"/>
    </row>
    <row r="12" spans="1:10" ht="22.5" customHeight="1">
      <c r="A12" s="23"/>
      <c r="B12" s="24"/>
      <c r="C12" s="24"/>
      <c r="D12" s="24"/>
      <c r="E12" s="24"/>
      <c r="F12" s="24"/>
      <c r="G12" s="24"/>
      <c r="H12" s="24"/>
      <c r="I12" s="24"/>
      <c r="J12" s="25"/>
    </row>
    <row r="13" spans="1:10" ht="35.25" customHeight="1">
      <c r="A13" s="230" t="s">
        <v>145</v>
      </c>
      <c r="B13" s="230"/>
      <c r="C13" s="230"/>
      <c r="D13" s="230"/>
      <c r="E13" s="230"/>
      <c r="F13" s="230"/>
      <c r="G13" s="230"/>
      <c r="H13" s="230"/>
      <c r="I13" s="230"/>
      <c r="J13" s="230"/>
    </row>
    <row r="14" spans="1:10" ht="42" customHeight="1">
      <c r="A14" s="30" t="s">
        <v>40</v>
      </c>
      <c r="B14" s="219" t="s">
        <v>127</v>
      </c>
      <c r="C14" s="220"/>
      <c r="D14" s="221"/>
      <c r="E14" s="219" t="s">
        <v>41</v>
      </c>
      <c r="F14" s="220"/>
      <c r="G14" s="30" t="s">
        <v>42</v>
      </c>
      <c r="H14" s="56"/>
      <c r="I14" s="57" t="s">
        <v>36</v>
      </c>
      <c r="J14" s="31" t="s">
        <v>36</v>
      </c>
    </row>
    <row r="15" spans="1:10" ht="34.5" customHeight="1">
      <c r="A15" s="5"/>
      <c r="B15" s="5"/>
      <c r="C15" s="5"/>
      <c r="D15" s="5"/>
      <c r="E15" s="5"/>
      <c r="F15" s="5"/>
      <c r="G15" s="5"/>
      <c r="H15" s="5"/>
      <c r="I15" s="5"/>
      <c r="J15" s="5"/>
    </row>
    <row r="16" spans="1:10" ht="24.75" customHeight="1">
      <c r="A16" s="30" t="s">
        <v>43</v>
      </c>
      <c r="B16" s="32" t="s">
        <v>44</v>
      </c>
      <c r="C16" s="80" t="s">
        <v>9</v>
      </c>
      <c r="D16" s="228"/>
      <c r="E16" s="228"/>
      <c r="F16" s="229"/>
      <c r="G16" s="5"/>
      <c r="H16" s="5"/>
      <c r="I16" s="5"/>
      <c r="J16" s="5"/>
    </row>
    <row r="17" spans="1:10" ht="60" customHeight="1">
      <c r="A17" s="26"/>
      <c r="B17" s="3"/>
      <c r="C17" s="58"/>
      <c r="D17" s="226"/>
      <c r="E17" s="226"/>
      <c r="F17" s="227"/>
      <c r="G17" s="59"/>
      <c r="H17" s="1"/>
      <c r="I17" s="1"/>
      <c r="J17" s="1"/>
    </row>
    <row r="18" spans="1:10" s="20" customFormat="1" ht="33.75" customHeight="1">
      <c r="A18" s="21" t="s">
        <v>128</v>
      </c>
      <c r="B18" s="60"/>
      <c r="C18" s="60"/>
      <c r="D18" s="60"/>
      <c r="E18" s="60"/>
      <c r="F18" s="60"/>
      <c r="G18" s="61"/>
      <c r="H18" s="61"/>
      <c r="I18" s="62"/>
      <c r="J18" s="62"/>
    </row>
    <row r="19" spans="1:10" s="20" customFormat="1" ht="33.75" customHeight="1">
      <c r="A19" s="16" t="s">
        <v>129</v>
      </c>
      <c r="B19" s="8"/>
      <c r="C19" s="8"/>
      <c r="D19" s="8"/>
      <c r="E19" s="8"/>
      <c r="F19" s="8"/>
      <c r="G19" s="8"/>
      <c r="H19" s="19"/>
      <c r="I19" s="17"/>
      <c r="J19" s="17"/>
    </row>
    <row r="20" spans="1:10" s="20" customFormat="1" ht="33.75" customHeight="1">
      <c r="A20" s="16" t="s">
        <v>45</v>
      </c>
      <c r="B20" s="8"/>
      <c r="C20" s="8"/>
      <c r="D20" s="8"/>
      <c r="E20" s="8"/>
      <c r="F20" s="8"/>
      <c r="G20" s="8"/>
      <c r="H20" s="19"/>
      <c r="I20" s="17"/>
      <c r="J20" s="17"/>
    </row>
    <row r="21" spans="1:10" s="20" customFormat="1" ht="45.75" customHeight="1">
      <c r="A21" s="216" t="s">
        <v>46</v>
      </c>
      <c r="B21" s="217"/>
      <c r="C21" s="8"/>
      <c r="D21" s="8"/>
      <c r="E21" s="8"/>
      <c r="F21" s="8"/>
      <c r="G21" s="8"/>
      <c r="H21" s="8"/>
      <c r="I21" s="17"/>
      <c r="J21" s="17"/>
    </row>
    <row r="22" spans="1:10" s="20" customFormat="1" ht="48" customHeight="1">
      <c r="A22" s="216" t="s">
        <v>47</v>
      </c>
      <c r="B22" s="217"/>
      <c r="C22" s="8"/>
      <c r="D22" s="8"/>
      <c r="E22" s="8"/>
      <c r="F22" s="8"/>
      <c r="G22" s="8"/>
      <c r="H22" s="8"/>
      <c r="I22" s="17"/>
      <c r="J22" s="17"/>
    </row>
    <row r="23" spans="1:10" s="20" customFormat="1" ht="4.5" hidden="1" customHeight="1">
      <c r="A23" s="16"/>
      <c r="B23" s="8"/>
      <c r="C23" s="8"/>
      <c r="D23" s="8"/>
      <c r="E23" s="8"/>
      <c r="F23" s="8"/>
      <c r="G23" s="8"/>
      <c r="H23" s="8"/>
      <c r="I23" s="11"/>
      <c r="J23" s="17"/>
    </row>
    <row r="24" spans="1:10" ht="20.25" customHeight="1">
      <c r="A24" s="63"/>
      <c r="B24" s="64"/>
      <c r="C24" s="64"/>
      <c r="D24" s="64"/>
      <c r="E24" s="64"/>
      <c r="F24" s="64"/>
      <c r="G24" s="64"/>
      <c r="H24" s="64"/>
      <c r="I24" s="64"/>
      <c r="J24" s="65"/>
    </row>
  </sheetData>
  <mergeCells count="11">
    <mergeCell ref="A21:B21"/>
    <mergeCell ref="A22:B22"/>
    <mergeCell ref="C1:G1"/>
    <mergeCell ref="B14:D14"/>
    <mergeCell ref="E14:F14"/>
    <mergeCell ref="G3:H3"/>
    <mergeCell ref="C7:G7"/>
    <mergeCell ref="A4:C4"/>
    <mergeCell ref="D17:F17"/>
    <mergeCell ref="D16:F16"/>
    <mergeCell ref="A13:J13"/>
  </mergeCells>
  <phoneticPr fontId="3"/>
  <pageMargins left="0.92" right="0.5" top="1" bottom="0.51" header="0.51200000000000001" footer="0.54"/>
  <pageSetup paperSize="9" orientation="portrait" r:id="rId1"/>
  <headerFooter alignWithMargins="0">
    <oddHeader xml:space="preserve">&amp;R&amp;"ＭＳ Ｐ明朝,標準"（様式３）&amp;"ＭＳ Ｐゴシック,標準"
</oddHeader>
  </headerFooter>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3"/>
  <sheetViews>
    <sheetView view="pageBreakPreview" topLeftCell="A13" zoomScaleNormal="100" workbookViewId="0">
      <selection activeCell="A3" sqref="A3:B3"/>
    </sheetView>
  </sheetViews>
  <sheetFormatPr defaultRowHeight="13.5"/>
  <cols>
    <col min="1" max="1" width="4.25" customWidth="1"/>
    <col min="2" max="2" width="7.875" customWidth="1"/>
    <col min="3" max="3" width="3" customWidth="1"/>
    <col min="5" max="5" width="10.25" customWidth="1"/>
    <col min="7" max="7" width="6.375" customWidth="1"/>
    <col min="8" max="8" width="7.125" customWidth="1"/>
    <col min="9" max="9" width="21.375" customWidth="1"/>
    <col min="10" max="10" width="9.625" customWidth="1"/>
    <col min="11" max="11" width="3.125" customWidth="1"/>
  </cols>
  <sheetData>
    <row r="1" spans="1:10" ht="27" customHeight="1">
      <c r="A1" s="234"/>
      <c r="B1" s="234"/>
      <c r="C1" s="5"/>
      <c r="D1" s="5"/>
      <c r="E1" s="5"/>
      <c r="F1" s="5"/>
      <c r="G1" s="5"/>
      <c r="H1" s="5"/>
      <c r="I1" s="5"/>
      <c r="J1" s="89" t="s">
        <v>56</v>
      </c>
    </row>
    <row r="2" spans="1:10" ht="40.5" customHeight="1">
      <c r="A2" s="231" t="s">
        <v>183</v>
      </c>
      <c r="B2" s="231"/>
      <c r="C2" s="231"/>
      <c r="D2" s="231"/>
      <c r="E2" s="231"/>
      <c r="F2" s="231"/>
      <c r="G2" s="231"/>
      <c r="H2" s="231"/>
      <c r="I2" s="231"/>
      <c r="J2" s="231"/>
    </row>
    <row r="3" spans="1:10" ht="26.25" customHeight="1">
      <c r="A3" s="191"/>
      <c r="B3" s="191"/>
      <c r="C3" s="191"/>
      <c r="D3" s="191"/>
      <c r="E3" s="191"/>
      <c r="F3" s="29"/>
      <c r="G3" s="219" t="s">
        <v>24</v>
      </c>
      <c r="H3" s="221"/>
      <c r="I3" s="219"/>
      <c r="J3" s="221"/>
    </row>
    <row r="4" spans="1:10" ht="26.25" customHeight="1">
      <c r="A4" s="232" t="s">
        <v>25</v>
      </c>
      <c r="B4" s="232"/>
      <c r="C4" s="219"/>
      <c r="D4" s="220"/>
      <c r="E4" s="220"/>
      <c r="F4" s="233"/>
      <c r="G4" s="220"/>
      <c r="H4" s="220"/>
      <c r="I4" s="220"/>
      <c r="J4" s="221"/>
    </row>
    <row r="5" spans="1:10" ht="26.25" customHeight="1">
      <c r="A5" s="232" t="s">
        <v>26</v>
      </c>
      <c r="B5" s="232"/>
      <c r="C5" s="232" t="s">
        <v>130</v>
      </c>
      <c r="D5" s="232"/>
      <c r="E5" s="232"/>
      <c r="F5" s="232" t="s">
        <v>11</v>
      </c>
      <c r="G5" s="232"/>
      <c r="H5" s="232"/>
      <c r="I5" s="232"/>
      <c r="J5" s="232"/>
    </row>
    <row r="6" spans="1:10" ht="12.75" customHeight="1">
      <c r="A6" s="2"/>
      <c r="B6" s="26"/>
      <c r="C6" s="27"/>
      <c r="D6" s="27"/>
      <c r="E6" s="27"/>
      <c r="F6" s="27"/>
      <c r="G6" s="27"/>
      <c r="H6" s="27"/>
      <c r="I6" s="27"/>
      <c r="J6" s="28"/>
    </row>
    <row r="7" spans="1:10" ht="39.75" customHeight="1">
      <c r="A7" s="4"/>
      <c r="B7" s="33"/>
      <c r="C7" s="34"/>
      <c r="D7" s="35"/>
      <c r="E7" s="36"/>
      <c r="F7" s="36"/>
      <c r="G7" s="36"/>
      <c r="H7" s="36"/>
      <c r="I7" s="37"/>
      <c r="J7" s="38"/>
    </row>
    <row r="8" spans="1:10" ht="26.25" customHeight="1">
      <c r="A8" s="4"/>
      <c r="B8" s="39"/>
      <c r="C8" s="34"/>
      <c r="D8" s="40"/>
      <c r="E8" s="1"/>
      <c r="F8" s="1"/>
      <c r="G8" s="1"/>
      <c r="H8" s="1"/>
      <c r="I8" s="34"/>
      <c r="J8" s="38"/>
    </row>
    <row r="9" spans="1:10" ht="26.25" customHeight="1">
      <c r="A9" s="4"/>
      <c r="B9" s="39"/>
      <c r="C9" s="34"/>
      <c r="D9" s="40"/>
      <c r="E9" s="1"/>
      <c r="F9" s="1"/>
      <c r="G9" s="1"/>
      <c r="H9" s="1"/>
      <c r="I9" s="34"/>
      <c r="J9" s="38"/>
    </row>
    <row r="10" spans="1:10" ht="26.25" customHeight="1">
      <c r="A10" s="4"/>
      <c r="B10" s="241" t="s">
        <v>27</v>
      </c>
      <c r="C10" s="34"/>
      <c r="D10" s="40"/>
      <c r="E10" s="1"/>
      <c r="F10" s="1"/>
      <c r="G10" s="1"/>
      <c r="H10" s="1"/>
      <c r="I10" s="34"/>
      <c r="J10" s="38"/>
    </row>
    <row r="11" spans="1:10" ht="26.25" customHeight="1">
      <c r="A11" s="4"/>
      <c r="B11" s="241"/>
      <c r="C11" s="34"/>
      <c r="D11" s="40"/>
      <c r="E11" s="1"/>
      <c r="F11" s="1"/>
      <c r="G11" s="1"/>
      <c r="H11" s="1"/>
      <c r="I11" s="34"/>
      <c r="J11" s="38"/>
    </row>
    <row r="12" spans="1:10" ht="26.25" customHeight="1">
      <c r="A12" s="4" t="s">
        <v>28</v>
      </c>
      <c r="B12" s="41"/>
      <c r="C12" s="34"/>
      <c r="D12" s="40"/>
      <c r="E12" s="1"/>
      <c r="F12" s="1"/>
      <c r="G12" s="1"/>
      <c r="H12" s="1"/>
      <c r="I12" s="34"/>
      <c r="J12" s="38"/>
    </row>
    <row r="13" spans="1:10" ht="26.25" customHeight="1">
      <c r="A13" s="4"/>
      <c r="B13" s="39"/>
      <c r="C13" s="34"/>
      <c r="D13" s="40"/>
      <c r="E13" s="1"/>
      <c r="F13" s="1"/>
      <c r="G13" s="1"/>
      <c r="H13" s="1"/>
      <c r="I13" s="34"/>
      <c r="J13" s="38"/>
    </row>
    <row r="14" spans="1:10" ht="26.25" customHeight="1">
      <c r="A14" s="4"/>
      <c r="B14" s="39"/>
      <c r="C14" s="34"/>
      <c r="D14" s="40"/>
      <c r="E14" s="1"/>
      <c r="F14" s="1"/>
      <c r="G14" s="1"/>
      <c r="H14" s="1"/>
      <c r="I14" s="34"/>
      <c r="J14" s="38"/>
    </row>
    <row r="15" spans="1:10" ht="34.5" customHeight="1">
      <c r="A15" s="4" t="s">
        <v>29</v>
      </c>
      <c r="B15" s="39"/>
      <c r="C15" s="34"/>
      <c r="D15" s="42"/>
      <c r="E15" s="43"/>
      <c r="F15" s="43"/>
      <c r="G15" s="43"/>
      <c r="H15" s="43"/>
      <c r="I15" s="44"/>
      <c r="J15" s="38"/>
    </row>
    <row r="16" spans="1:10" ht="11.25" customHeight="1">
      <c r="A16" s="4"/>
      <c r="B16" s="39"/>
      <c r="C16" s="1"/>
      <c r="D16" s="1"/>
      <c r="E16" s="1"/>
      <c r="F16" s="1"/>
      <c r="G16" s="1"/>
      <c r="H16" s="1"/>
      <c r="I16" s="1"/>
      <c r="J16" s="38"/>
    </row>
    <row r="17" spans="1:10" ht="26.25" hidden="1" customHeight="1">
      <c r="A17" s="4"/>
      <c r="B17" s="39"/>
      <c r="C17" s="1"/>
      <c r="D17" s="1"/>
      <c r="E17" s="1"/>
      <c r="F17" s="1"/>
      <c r="G17" s="1"/>
      <c r="H17" s="1"/>
      <c r="I17" s="1"/>
      <c r="J17" s="38"/>
    </row>
    <row r="18" spans="1:10" ht="26.25" customHeight="1">
      <c r="A18" s="4"/>
      <c r="B18" s="39"/>
      <c r="C18" s="34"/>
      <c r="D18" s="35"/>
      <c r="E18" s="36"/>
      <c r="F18" s="36"/>
      <c r="G18" s="36"/>
      <c r="H18" s="36"/>
      <c r="I18" s="37"/>
      <c r="J18" s="38"/>
    </row>
    <row r="19" spans="1:10" ht="26.25" customHeight="1">
      <c r="A19" s="4" t="s">
        <v>30</v>
      </c>
      <c r="B19" s="39"/>
      <c r="C19" s="34"/>
      <c r="D19" s="40"/>
      <c r="E19" s="1"/>
      <c r="F19" s="1"/>
      <c r="G19" s="1"/>
      <c r="H19" s="1"/>
      <c r="I19" s="34"/>
      <c r="J19" s="38"/>
    </row>
    <row r="20" spans="1:10" ht="26.25" customHeight="1">
      <c r="A20" s="4"/>
      <c r="B20" s="39"/>
      <c r="C20" s="34"/>
      <c r="D20" s="40"/>
      <c r="E20" s="1"/>
      <c r="F20" s="1"/>
      <c r="G20" s="1"/>
      <c r="H20" s="1"/>
      <c r="I20" s="34"/>
      <c r="J20" s="38"/>
    </row>
    <row r="21" spans="1:10" ht="26.25" customHeight="1">
      <c r="A21" s="4"/>
      <c r="B21" s="241" t="s">
        <v>31</v>
      </c>
      <c r="C21" s="34"/>
      <c r="D21" s="40"/>
      <c r="E21" s="1"/>
      <c r="F21" s="1"/>
      <c r="G21" s="1"/>
      <c r="H21" s="1"/>
      <c r="I21" s="34"/>
      <c r="J21" s="38"/>
    </row>
    <row r="22" spans="1:10" ht="26.25" customHeight="1">
      <c r="A22" s="4" t="s">
        <v>32</v>
      </c>
      <c r="B22" s="241"/>
      <c r="C22" s="34"/>
      <c r="D22" s="40"/>
      <c r="E22" s="1"/>
      <c r="F22" s="1"/>
      <c r="G22" s="1"/>
      <c r="H22" s="1"/>
      <c r="I22" s="34"/>
      <c r="J22" s="38"/>
    </row>
    <row r="23" spans="1:10" ht="26.25" customHeight="1">
      <c r="A23" s="4"/>
      <c r="B23" s="39"/>
      <c r="C23" s="34"/>
      <c r="D23" s="40"/>
      <c r="E23" s="1"/>
      <c r="F23" s="1"/>
      <c r="G23" s="1"/>
      <c r="H23" s="1"/>
      <c r="I23" s="34"/>
      <c r="J23" s="38"/>
    </row>
    <row r="24" spans="1:10" ht="26.25" customHeight="1">
      <c r="A24" s="4"/>
      <c r="B24" s="39"/>
      <c r="C24" s="34"/>
      <c r="D24" s="40"/>
      <c r="E24" s="1"/>
      <c r="F24" s="1"/>
      <c r="G24" s="1"/>
      <c r="H24" s="1"/>
      <c r="I24" s="34"/>
      <c r="J24" s="38"/>
    </row>
    <row r="25" spans="1:10" ht="78" customHeight="1">
      <c r="A25" s="4"/>
      <c r="B25" s="39"/>
      <c r="C25" s="34"/>
      <c r="D25" s="42"/>
      <c r="E25" s="43"/>
      <c r="F25" s="43"/>
      <c r="G25" s="43"/>
      <c r="H25" s="43"/>
      <c r="I25" s="44"/>
      <c r="J25" s="38"/>
    </row>
    <row r="26" spans="1:10" ht="12" customHeight="1">
      <c r="A26" s="45"/>
      <c r="B26" s="39"/>
      <c r="C26" s="1"/>
      <c r="D26" s="1"/>
      <c r="E26" s="1"/>
      <c r="F26" s="1"/>
      <c r="G26" s="1"/>
      <c r="H26" s="1"/>
      <c r="I26" s="1"/>
      <c r="J26" s="38"/>
    </row>
    <row r="27" spans="1:10" ht="25.5" customHeight="1">
      <c r="A27" s="235" t="s">
        <v>33</v>
      </c>
      <c r="B27" s="236"/>
      <c r="C27" s="26"/>
      <c r="D27" s="27"/>
      <c r="E27" s="27"/>
      <c r="F27" s="27"/>
      <c r="G27" s="27"/>
      <c r="H27" s="27"/>
      <c r="I27" s="27"/>
      <c r="J27" s="28"/>
    </row>
    <row r="28" spans="1:10" ht="26.25" hidden="1" customHeight="1">
      <c r="A28" s="237"/>
      <c r="B28" s="238"/>
      <c r="C28" s="39"/>
      <c r="D28" s="1"/>
      <c r="E28" s="1"/>
      <c r="F28" s="1"/>
      <c r="G28" s="1"/>
      <c r="H28" s="1"/>
      <c r="I28" s="1"/>
      <c r="J28" s="38"/>
    </row>
    <row r="29" spans="1:10" ht="41.25" customHeight="1">
      <c r="A29" s="239"/>
      <c r="B29" s="240"/>
      <c r="C29" s="23"/>
      <c r="D29" s="24"/>
      <c r="E29" s="24"/>
      <c r="F29" s="24"/>
      <c r="G29" s="24"/>
      <c r="H29" s="24"/>
      <c r="I29" s="24"/>
      <c r="J29" s="25"/>
    </row>
    <row r="30" spans="1:10">
      <c r="A30" s="46"/>
      <c r="B30" s="47"/>
      <c r="C30" s="47"/>
      <c r="D30" s="47"/>
      <c r="E30" s="47"/>
      <c r="F30" s="47"/>
      <c r="G30" s="47"/>
      <c r="H30" s="47"/>
      <c r="I30" s="47"/>
      <c r="J30" s="47"/>
    </row>
    <row r="31" spans="1:10">
      <c r="A31" s="48"/>
      <c r="B31" s="7"/>
      <c r="C31" s="7"/>
      <c r="D31" s="7"/>
      <c r="E31" s="7"/>
      <c r="F31" s="7"/>
      <c r="G31" s="7"/>
      <c r="H31" s="7"/>
      <c r="I31" s="7"/>
      <c r="J31" s="7"/>
    </row>
    <row r="32" spans="1:10">
      <c r="A32" s="48"/>
      <c r="B32" s="7"/>
      <c r="C32" s="7"/>
      <c r="D32" s="7"/>
      <c r="E32" s="7"/>
      <c r="F32" s="7"/>
      <c r="G32" s="7"/>
      <c r="H32" s="7"/>
      <c r="I32" s="7"/>
      <c r="J32" s="7"/>
    </row>
    <row r="33" spans="1:10" ht="54.75" customHeight="1">
      <c r="A33" s="48"/>
      <c r="B33" s="7"/>
      <c r="C33" s="7"/>
      <c r="D33" s="7"/>
      <c r="E33" s="7"/>
      <c r="F33" s="7"/>
      <c r="G33" s="7"/>
      <c r="H33" s="7"/>
      <c r="I33" s="7"/>
      <c r="J33" s="7"/>
    </row>
  </sheetData>
  <mergeCells count="15">
    <mergeCell ref="H5:J5"/>
    <mergeCell ref="A3:B3"/>
    <mergeCell ref="A27:B29"/>
    <mergeCell ref="B21:B22"/>
    <mergeCell ref="B10:B11"/>
    <mergeCell ref="A5:B5"/>
    <mergeCell ref="C5:E5"/>
    <mergeCell ref="F5:G5"/>
    <mergeCell ref="I3:J3"/>
    <mergeCell ref="A2:J2"/>
    <mergeCell ref="A4:B4"/>
    <mergeCell ref="C3:E3"/>
    <mergeCell ref="C4:J4"/>
    <mergeCell ref="A1:B1"/>
    <mergeCell ref="G3:H3"/>
  </mergeCells>
  <phoneticPr fontId="3"/>
  <printOptions horizontalCentered="1"/>
  <pageMargins left="0.70866141732283472" right="0.59055118110236227" top="0.78740157480314965" bottom="0.78740157480314965" header="0" footer="0"/>
  <pageSetup paperSize="9"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31"/>
  <sheetViews>
    <sheetView view="pageBreakPreview" zoomScaleNormal="100" workbookViewId="0">
      <pane ySplit="3" topLeftCell="A55" activePane="bottomLeft" state="frozen"/>
      <selection activeCell="C6" sqref="C6"/>
      <selection pane="bottomLeft" activeCell="J74" sqref="J74"/>
    </sheetView>
  </sheetViews>
  <sheetFormatPr defaultRowHeight="15" customHeight="1"/>
  <cols>
    <col min="1" max="1" width="5.25" style="6" bestFit="1" customWidth="1"/>
    <col min="2" max="2" width="5.25" style="70" hidden="1" customWidth="1"/>
    <col min="3" max="3" width="7.25" style="70" hidden="1" customWidth="1"/>
    <col min="4" max="4" width="8" style="70" hidden="1" customWidth="1"/>
    <col min="5" max="5" width="4.375" style="70" bestFit="1" customWidth="1"/>
    <col min="6" max="6" width="24.75" style="6" customWidth="1"/>
    <col min="7" max="7" width="14.125" style="71" customWidth="1"/>
    <col min="8" max="9" width="13.625" style="79" customWidth="1"/>
    <col min="10" max="10" width="23.625" style="6" customWidth="1"/>
    <col min="11" max="11" width="12.375" style="6" bestFit="1" customWidth="1"/>
    <col min="12" max="16384" width="9" style="6"/>
  </cols>
  <sheetData>
    <row r="1" spans="1:10" ht="18.75">
      <c r="A1" s="160" t="s">
        <v>184</v>
      </c>
      <c r="B1" s="160"/>
      <c r="C1" s="160"/>
      <c r="D1" s="160"/>
      <c r="E1" s="160"/>
      <c r="F1" s="160"/>
      <c r="G1" s="160"/>
      <c r="H1" s="160"/>
      <c r="I1" s="160"/>
      <c r="J1" s="118" t="s">
        <v>108</v>
      </c>
    </row>
    <row r="2" spans="1:10" s="70" customFormat="1" ht="17.25" customHeight="1">
      <c r="A2" s="161" t="s">
        <v>1</v>
      </c>
      <c r="B2" s="163" t="s">
        <v>2</v>
      </c>
      <c r="C2" s="163" t="s">
        <v>3</v>
      </c>
      <c r="D2" s="163"/>
      <c r="E2" s="163" t="s">
        <v>4</v>
      </c>
      <c r="F2" s="163" t="s">
        <v>5</v>
      </c>
      <c r="G2" s="163" t="s">
        <v>6</v>
      </c>
      <c r="H2" s="165" t="s">
        <v>105</v>
      </c>
      <c r="I2" s="165" t="s">
        <v>106</v>
      </c>
      <c r="J2" s="242" t="s">
        <v>104</v>
      </c>
    </row>
    <row r="3" spans="1:10" ht="17.25" customHeight="1">
      <c r="A3" s="162"/>
      <c r="B3" s="164"/>
      <c r="C3" s="109" t="s">
        <v>7</v>
      </c>
      <c r="D3" s="109" t="s">
        <v>8</v>
      </c>
      <c r="E3" s="164"/>
      <c r="F3" s="164"/>
      <c r="G3" s="164"/>
      <c r="H3" s="166"/>
      <c r="I3" s="166"/>
      <c r="J3" s="173"/>
    </row>
    <row r="4" spans="1:10" ht="24" customHeight="1">
      <c r="A4" s="97">
        <v>1</v>
      </c>
      <c r="B4" s="133"/>
      <c r="C4" s="133"/>
      <c r="D4" s="133"/>
      <c r="E4" s="133" t="s">
        <v>84</v>
      </c>
      <c r="F4" s="82" t="s">
        <v>146</v>
      </c>
      <c r="G4" s="83" t="s">
        <v>147</v>
      </c>
      <c r="H4" s="112">
        <v>141.41999999999999</v>
      </c>
      <c r="I4" s="154"/>
      <c r="J4" s="113" t="s">
        <v>107</v>
      </c>
    </row>
    <row r="5" spans="1:10" ht="24" customHeight="1">
      <c r="A5" s="97">
        <v>2</v>
      </c>
      <c r="B5" s="133"/>
      <c r="C5" s="133"/>
      <c r="D5" s="133"/>
      <c r="E5" s="133" t="s">
        <v>84</v>
      </c>
      <c r="F5" s="82" t="s">
        <v>146</v>
      </c>
      <c r="G5" s="83" t="s">
        <v>148</v>
      </c>
      <c r="H5" s="112">
        <v>108.14</v>
      </c>
      <c r="I5" s="154"/>
      <c r="J5" s="113" t="s">
        <v>107</v>
      </c>
    </row>
    <row r="6" spans="1:10" ht="24" customHeight="1">
      <c r="A6" s="97">
        <v>3</v>
      </c>
      <c r="B6" s="133"/>
      <c r="C6" s="133"/>
      <c r="D6" s="133"/>
      <c r="E6" s="133" t="s">
        <v>84</v>
      </c>
      <c r="F6" s="82" t="s">
        <v>146</v>
      </c>
      <c r="G6" s="83" t="s">
        <v>149</v>
      </c>
      <c r="H6" s="112">
        <v>118.14</v>
      </c>
      <c r="I6" s="154"/>
      <c r="J6" s="113" t="s">
        <v>107</v>
      </c>
    </row>
    <row r="7" spans="1:10" ht="24" customHeight="1">
      <c r="A7" s="97">
        <v>4</v>
      </c>
      <c r="B7" s="133"/>
      <c r="C7" s="133"/>
      <c r="D7" s="133"/>
      <c r="E7" s="133" t="s">
        <v>84</v>
      </c>
      <c r="F7" s="82" t="s">
        <v>146</v>
      </c>
      <c r="G7" s="83" t="s">
        <v>150</v>
      </c>
      <c r="H7" s="112">
        <v>115.67</v>
      </c>
      <c r="I7" s="154"/>
      <c r="J7" s="113" t="s">
        <v>107</v>
      </c>
    </row>
    <row r="8" spans="1:10" ht="24" customHeight="1">
      <c r="A8" s="97">
        <v>5</v>
      </c>
      <c r="B8" s="133"/>
      <c r="C8" s="133"/>
      <c r="D8" s="133"/>
      <c r="E8" s="133" t="s">
        <v>84</v>
      </c>
      <c r="F8" s="82" t="s">
        <v>146</v>
      </c>
      <c r="G8" s="83" t="s">
        <v>151</v>
      </c>
      <c r="H8" s="112">
        <v>6.3</v>
      </c>
      <c r="I8" s="154"/>
      <c r="J8" s="113" t="s">
        <v>107</v>
      </c>
    </row>
    <row r="9" spans="1:10" ht="24" customHeight="1">
      <c r="A9" s="97">
        <v>6</v>
      </c>
      <c r="B9" s="133"/>
      <c r="C9" s="133"/>
      <c r="D9" s="133"/>
      <c r="E9" s="133" t="s">
        <v>84</v>
      </c>
      <c r="F9" s="82" t="s">
        <v>146</v>
      </c>
      <c r="G9" s="83" t="s">
        <v>152</v>
      </c>
      <c r="H9" s="112">
        <v>137.79</v>
      </c>
      <c r="I9" s="154"/>
      <c r="J9" s="113" t="s">
        <v>107</v>
      </c>
    </row>
    <row r="10" spans="1:10" ht="24" customHeight="1">
      <c r="A10" s="97">
        <v>7</v>
      </c>
      <c r="B10" s="133"/>
      <c r="C10" s="133"/>
      <c r="D10" s="133"/>
      <c r="E10" s="133" t="s">
        <v>84</v>
      </c>
      <c r="F10" s="82" t="s">
        <v>162</v>
      </c>
      <c r="G10" s="137" t="s">
        <v>163</v>
      </c>
      <c r="H10" s="112">
        <v>327.19</v>
      </c>
      <c r="I10" s="154"/>
      <c r="J10" s="113" t="s">
        <v>107</v>
      </c>
    </row>
    <row r="11" spans="1:10" ht="24" customHeight="1">
      <c r="A11" s="97">
        <v>8</v>
      </c>
      <c r="B11" s="152"/>
      <c r="C11" s="152"/>
      <c r="D11" s="152"/>
      <c r="E11" s="152" t="s">
        <v>84</v>
      </c>
      <c r="F11" s="82" t="s">
        <v>153</v>
      </c>
      <c r="G11" s="83" t="s">
        <v>154</v>
      </c>
      <c r="H11" s="112">
        <v>115.82</v>
      </c>
      <c r="I11" s="153"/>
      <c r="J11" s="113" t="s">
        <v>107</v>
      </c>
    </row>
    <row r="12" spans="1:10" ht="24" customHeight="1">
      <c r="A12" s="97">
        <v>9</v>
      </c>
      <c r="B12" s="133"/>
      <c r="C12" s="133"/>
      <c r="D12" s="133"/>
      <c r="E12" s="133" t="s">
        <v>84</v>
      </c>
      <c r="F12" s="82" t="s">
        <v>155</v>
      </c>
      <c r="G12" s="134" t="s">
        <v>156</v>
      </c>
      <c r="H12" s="135">
        <v>104.23</v>
      </c>
      <c r="I12" s="154"/>
      <c r="J12" s="113" t="s">
        <v>107</v>
      </c>
    </row>
    <row r="13" spans="1:10" ht="24" customHeight="1">
      <c r="A13" s="97">
        <v>10</v>
      </c>
      <c r="B13" s="133"/>
      <c r="C13" s="133"/>
      <c r="D13" s="133"/>
      <c r="E13" s="133" t="s">
        <v>84</v>
      </c>
      <c r="F13" s="136" t="s">
        <v>157</v>
      </c>
      <c r="G13" s="134" t="s">
        <v>158</v>
      </c>
      <c r="H13" s="135">
        <v>18.54</v>
      </c>
      <c r="I13" s="154"/>
      <c r="J13" s="113" t="s">
        <v>107</v>
      </c>
    </row>
    <row r="14" spans="1:10" ht="24" customHeight="1">
      <c r="A14" s="97">
        <v>11</v>
      </c>
      <c r="B14" s="133"/>
      <c r="C14" s="133"/>
      <c r="D14" s="133"/>
      <c r="E14" s="133" t="s">
        <v>84</v>
      </c>
      <c r="F14" s="136" t="s">
        <v>157</v>
      </c>
      <c r="G14" s="134" t="s">
        <v>169</v>
      </c>
      <c r="H14" s="135">
        <v>69.59</v>
      </c>
      <c r="I14" s="154"/>
      <c r="J14" s="113" t="s">
        <v>107</v>
      </c>
    </row>
    <row r="15" spans="1:10" ht="24" customHeight="1">
      <c r="A15" s="97">
        <v>12</v>
      </c>
      <c r="B15" s="152"/>
      <c r="C15" s="152"/>
      <c r="D15" s="152"/>
      <c r="E15" s="152" t="s">
        <v>84</v>
      </c>
      <c r="F15" s="136" t="s">
        <v>170</v>
      </c>
      <c r="G15" s="134" t="s">
        <v>171</v>
      </c>
      <c r="H15" s="135">
        <v>233.05</v>
      </c>
      <c r="I15" s="153"/>
      <c r="J15" s="113" t="s">
        <v>107</v>
      </c>
    </row>
    <row r="16" spans="1:10" ht="24" customHeight="1">
      <c r="A16" s="97">
        <v>13</v>
      </c>
      <c r="B16" s="133"/>
      <c r="C16" s="133"/>
      <c r="D16" s="133"/>
      <c r="E16" s="133" t="s">
        <v>84</v>
      </c>
      <c r="F16" s="136" t="s">
        <v>159</v>
      </c>
      <c r="G16" s="134" t="s">
        <v>160</v>
      </c>
      <c r="H16" s="135">
        <v>85.37</v>
      </c>
      <c r="I16" s="154"/>
      <c r="J16" s="113" t="s">
        <v>107</v>
      </c>
    </row>
    <row r="17" spans="1:10" ht="24" customHeight="1">
      <c r="A17" s="97">
        <v>14</v>
      </c>
      <c r="B17" s="133"/>
      <c r="C17" s="133"/>
      <c r="D17" s="133"/>
      <c r="E17" s="133" t="s">
        <v>84</v>
      </c>
      <c r="F17" s="82" t="s">
        <v>161</v>
      </c>
      <c r="G17" s="83" t="s">
        <v>140</v>
      </c>
      <c r="H17" s="148">
        <v>3298.87</v>
      </c>
      <c r="I17" s="145">
        <v>660.8</v>
      </c>
      <c r="J17" s="113" t="s">
        <v>107</v>
      </c>
    </row>
    <row r="18" spans="1:10" ht="24" customHeight="1">
      <c r="A18" s="182" t="s">
        <v>168</v>
      </c>
      <c r="B18" s="183"/>
      <c r="C18" s="183"/>
      <c r="D18" s="183"/>
      <c r="E18" s="183"/>
      <c r="F18" s="183"/>
      <c r="G18" s="184"/>
      <c r="H18" s="146">
        <f>SUM(H4:H17)</f>
        <v>4880.12</v>
      </c>
      <c r="I18" s="146">
        <f>SUM(I4:I17)</f>
        <v>660.8</v>
      </c>
      <c r="J18" s="157"/>
    </row>
    <row r="19" spans="1:10" ht="24" customHeight="1">
      <c r="A19" s="97">
        <v>1</v>
      </c>
      <c r="B19" s="98" t="s">
        <v>57</v>
      </c>
      <c r="C19" s="99">
        <v>6401</v>
      </c>
      <c r="D19" s="100">
        <v>1381</v>
      </c>
      <c r="E19" s="121" t="s">
        <v>71</v>
      </c>
      <c r="F19" s="131" t="s">
        <v>141</v>
      </c>
      <c r="G19" s="139" t="s">
        <v>142</v>
      </c>
      <c r="H19" s="132">
        <v>100.24</v>
      </c>
      <c r="I19" s="122"/>
      <c r="J19" s="140" t="s">
        <v>107</v>
      </c>
    </row>
    <row r="20" spans="1:10" ht="24" customHeight="1">
      <c r="A20" s="156">
        <v>2</v>
      </c>
      <c r="B20" s="98"/>
      <c r="C20" s="99"/>
      <c r="D20" s="100"/>
      <c r="E20" s="121" t="s">
        <v>71</v>
      </c>
      <c r="F20" s="76" t="s">
        <v>61</v>
      </c>
      <c r="G20" s="91" t="s">
        <v>62</v>
      </c>
      <c r="H20" s="112">
        <v>84.17</v>
      </c>
      <c r="I20" s="122"/>
      <c r="J20" s="113" t="s">
        <v>107</v>
      </c>
    </row>
    <row r="21" spans="1:10" ht="24" customHeight="1">
      <c r="A21" s="156">
        <v>3</v>
      </c>
      <c r="B21" s="98"/>
      <c r="C21" s="99"/>
      <c r="D21" s="100"/>
      <c r="E21" s="84" t="s">
        <v>71</v>
      </c>
      <c r="F21" s="76" t="s">
        <v>61</v>
      </c>
      <c r="G21" s="91" t="s">
        <v>63</v>
      </c>
      <c r="H21" s="112">
        <v>65.52</v>
      </c>
      <c r="I21" s="122"/>
      <c r="J21" s="113" t="s">
        <v>107</v>
      </c>
    </row>
    <row r="22" spans="1:10" ht="24" customHeight="1">
      <c r="A22" s="156">
        <v>4</v>
      </c>
      <c r="B22" s="98"/>
      <c r="C22" s="99"/>
      <c r="D22" s="100"/>
      <c r="E22" s="84" t="s">
        <v>71</v>
      </c>
      <c r="F22" s="76" t="s">
        <v>61</v>
      </c>
      <c r="G22" s="91" t="s">
        <v>64</v>
      </c>
      <c r="H22" s="112">
        <v>66.319999999999993</v>
      </c>
      <c r="I22" s="112"/>
      <c r="J22" s="113" t="s">
        <v>107</v>
      </c>
    </row>
    <row r="23" spans="1:10" ht="24" customHeight="1">
      <c r="A23" s="156">
        <v>5</v>
      </c>
      <c r="B23" s="98"/>
      <c r="C23" s="99"/>
      <c r="D23" s="100"/>
      <c r="E23" s="77" t="s">
        <v>60</v>
      </c>
      <c r="F23" s="76" t="s">
        <v>61</v>
      </c>
      <c r="G23" s="91" t="s">
        <v>65</v>
      </c>
      <c r="H23" s="112">
        <v>69.510000000000005</v>
      </c>
      <c r="I23" s="112"/>
      <c r="J23" s="113" t="s">
        <v>107</v>
      </c>
    </row>
    <row r="24" spans="1:10" ht="24" customHeight="1">
      <c r="A24" s="156">
        <v>6</v>
      </c>
      <c r="B24" s="98"/>
      <c r="C24" s="99"/>
      <c r="D24" s="100"/>
      <c r="E24" s="77" t="s">
        <v>60</v>
      </c>
      <c r="F24" s="76" t="s">
        <v>61</v>
      </c>
      <c r="G24" s="91" t="s">
        <v>144</v>
      </c>
      <c r="H24" s="112">
        <v>702.13</v>
      </c>
      <c r="I24" s="112"/>
      <c r="J24" s="113" t="s">
        <v>107</v>
      </c>
    </row>
    <row r="25" spans="1:10" ht="24" customHeight="1">
      <c r="A25" s="156">
        <v>7</v>
      </c>
      <c r="B25" s="98"/>
      <c r="C25" s="99"/>
      <c r="D25" s="100"/>
      <c r="E25" s="77" t="s">
        <v>60</v>
      </c>
      <c r="F25" s="76" t="s">
        <v>66</v>
      </c>
      <c r="G25" s="92" t="s">
        <v>134</v>
      </c>
      <c r="H25" s="112">
        <v>187.65</v>
      </c>
      <c r="I25" s="112"/>
      <c r="J25" s="113" t="s">
        <v>107</v>
      </c>
    </row>
    <row r="26" spans="1:10" ht="24" customHeight="1">
      <c r="A26" s="156">
        <v>8</v>
      </c>
      <c r="B26" s="98"/>
      <c r="C26" s="99"/>
      <c r="D26" s="100"/>
      <c r="E26" s="77" t="s">
        <v>60</v>
      </c>
      <c r="F26" s="76" t="s">
        <v>66</v>
      </c>
      <c r="G26" s="92" t="s">
        <v>135</v>
      </c>
      <c r="H26" s="112">
        <v>161.82</v>
      </c>
      <c r="I26" s="112"/>
      <c r="J26" s="113" t="s">
        <v>107</v>
      </c>
    </row>
    <row r="27" spans="1:10" ht="24" customHeight="1">
      <c r="A27" s="156">
        <v>9</v>
      </c>
      <c r="B27" s="98"/>
      <c r="C27" s="99"/>
      <c r="D27" s="100"/>
      <c r="E27" s="77" t="s">
        <v>60</v>
      </c>
      <c r="F27" s="76" t="s">
        <v>66</v>
      </c>
      <c r="G27" s="92" t="s">
        <v>143</v>
      </c>
      <c r="H27" s="110">
        <v>235.46</v>
      </c>
      <c r="I27" s="112"/>
      <c r="J27" s="113" t="s">
        <v>107</v>
      </c>
    </row>
    <row r="28" spans="1:10" ht="24" customHeight="1">
      <c r="A28" s="156">
        <v>10</v>
      </c>
      <c r="B28" s="98"/>
      <c r="C28" s="99"/>
      <c r="D28" s="100"/>
      <c r="E28" s="77" t="s">
        <v>60</v>
      </c>
      <c r="F28" s="76" t="s">
        <v>66</v>
      </c>
      <c r="G28" s="92" t="s">
        <v>67</v>
      </c>
      <c r="H28" s="110">
        <v>141.30000000000001</v>
      </c>
      <c r="I28" s="112"/>
      <c r="J28" s="113" t="s">
        <v>107</v>
      </c>
    </row>
    <row r="29" spans="1:10" ht="24" customHeight="1">
      <c r="A29" s="156">
        <v>11</v>
      </c>
      <c r="B29" s="98"/>
      <c r="C29" s="99"/>
      <c r="D29" s="100"/>
      <c r="E29" s="77" t="s">
        <v>60</v>
      </c>
      <c r="F29" s="76" t="s">
        <v>66</v>
      </c>
      <c r="G29" s="92" t="s">
        <v>68</v>
      </c>
      <c r="H29" s="110">
        <v>78.62</v>
      </c>
      <c r="I29" s="112"/>
      <c r="J29" s="113" t="s">
        <v>107</v>
      </c>
    </row>
    <row r="30" spans="1:10" ht="24" customHeight="1">
      <c r="A30" s="156">
        <v>12</v>
      </c>
      <c r="B30" s="98"/>
      <c r="C30" s="99"/>
      <c r="D30" s="100"/>
      <c r="E30" s="77" t="s">
        <v>60</v>
      </c>
      <c r="F30" s="76" t="s">
        <v>66</v>
      </c>
      <c r="G30" s="92" t="s">
        <v>69</v>
      </c>
      <c r="H30" s="110">
        <v>123.12</v>
      </c>
      <c r="I30" s="112"/>
      <c r="J30" s="113" t="s">
        <v>107</v>
      </c>
    </row>
    <row r="31" spans="1:10" ht="24" customHeight="1">
      <c r="A31" s="156">
        <v>13</v>
      </c>
      <c r="B31" s="98"/>
      <c r="C31" s="99"/>
      <c r="D31" s="100"/>
      <c r="E31" s="77" t="s">
        <v>60</v>
      </c>
      <c r="F31" s="76" t="s">
        <v>66</v>
      </c>
      <c r="G31" s="92" t="s">
        <v>70</v>
      </c>
      <c r="H31" s="110">
        <v>187.77</v>
      </c>
      <c r="I31" s="112"/>
      <c r="J31" s="113" t="s">
        <v>107</v>
      </c>
    </row>
    <row r="32" spans="1:10" ht="24" customHeight="1">
      <c r="A32" s="156">
        <v>14</v>
      </c>
      <c r="B32" s="98"/>
      <c r="C32" s="99"/>
      <c r="D32" s="100"/>
      <c r="E32" s="77" t="s">
        <v>60</v>
      </c>
      <c r="F32" s="76" t="s">
        <v>66</v>
      </c>
      <c r="G32" s="92" t="s">
        <v>80</v>
      </c>
      <c r="H32" s="112">
        <v>155.80000000000001</v>
      </c>
      <c r="I32" s="112"/>
      <c r="J32" s="113" t="s">
        <v>107</v>
      </c>
    </row>
    <row r="33" spans="1:10" ht="24" customHeight="1">
      <c r="A33" s="156">
        <v>15</v>
      </c>
      <c r="B33" s="98"/>
      <c r="C33" s="99"/>
      <c r="D33" s="100"/>
      <c r="E33" s="77" t="s">
        <v>60</v>
      </c>
      <c r="F33" s="76" t="s">
        <v>113</v>
      </c>
      <c r="G33" s="92" t="s">
        <v>114</v>
      </c>
      <c r="H33" s="112">
        <v>210.81</v>
      </c>
      <c r="I33" s="112"/>
      <c r="J33" s="113" t="s">
        <v>107</v>
      </c>
    </row>
    <row r="34" spans="1:10" ht="24" customHeight="1">
      <c r="A34" s="156">
        <v>16</v>
      </c>
      <c r="B34" s="98"/>
      <c r="C34" s="99"/>
      <c r="D34" s="100"/>
      <c r="E34" s="77" t="s">
        <v>60</v>
      </c>
      <c r="F34" s="76" t="s">
        <v>72</v>
      </c>
      <c r="G34" s="76" t="s">
        <v>73</v>
      </c>
      <c r="H34" s="110">
        <v>2458.67</v>
      </c>
      <c r="I34" s="112"/>
      <c r="J34" s="113" t="s">
        <v>107</v>
      </c>
    </row>
    <row r="35" spans="1:10" ht="24" customHeight="1">
      <c r="A35" s="156">
        <v>17</v>
      </c>
      <c r="B35" s="98"/>
      <c r="C35" s="99"/>
      <c r="D35" s="100"/>
      <c r="E35" s="77" t="s">
        <v>60</v>
      </c>
      <c r="F35" s="102" t="s">
        <v>164</v>
      </c>
      <c r="G35" s="103" t="s">
        <v>165</v>
      </c>
      <c r="H35" s="110">
        <v>257.52999999999997</v>
      </c>
      <c r="I35" s="112"/>
      <c r="J35" s="113" t="s">
        <v>107</v>
      </c>
    </row>
    <row r="36" spans="1:10" ht="24" customHeight="1">
      <c r="A36" s="156">
        <v>18</v>
      </c>
      <c r="B36" s="141"/>
      <c r="C36" s="142"/>
      <c r="D36" s="143"/>
      <c r="E36" s="101" t="s">
        <v>71</v>
      </c>
      <c r="F36" s="102" t="s">
        <v>166</v>
      </c>
      <c r="G36" s="103" t="s">
        <v>167</v>
      </c>
      <c r="H36" s="111">
        <v>1287.46</v>
      </c>
      <c r="I36" s="135"/>
      <c r="J36" s="144" t="s">
        <v>107</v>
      </c>
    </row>
    <row r="37" spans="1:10" ht="24" customHeight="1">
      <c r="A37" s="180" t="s">
        <v>102</v>
      </c>
      <c r="B37" s="181"/>
      <c r="C37" s="181"/>
      <c r="D37" s="181"/>
      <c r="E37" s="181"/>
      <c r="F37" s="181"/>
      <c r="G37" s="181"/>
      <c r="H37" s="78">
        <f>SUM(H19:H36)</f>
        <v>6573.9</v>
      </c>
      <c r="I37" s="78">
        <f>SUM(I19:I36)</f>
        <v>0</v>
      </c>
      <c r="J37" s="85"/>
    </row>
    <row r="38" spans="1:10" ht="27" customHeight="1">
      <c r="A38" s="94">
        <v>1</v>
      </c>
      <c r="B38" s="95"/>
      <c r="C38" s="95"/>
      <c r="D38" s="95"/>
      <c r="E38" s="106" t="s">
        <v>86</v>
      </c>
      <c r="F38" s="82" t="s">
        <v>115</v>
      </c>
      <c r="G38" s="83" t="s">
        <v>122</v>
      </c>
      <c r="H38" s="112">
        <v>169.67</v>
      </c>
      <c r="I38" s="112"/>
      <c r="J38" s="113" t="s">
        <v>107</v>
      </c>
    </row>
    <row r="39" spans="1:10" ht="24" customHeight="1">
      <c r="A39" s="158">
        <v>2</v>
      </c>
      <c r="B39" s="95"/>
      <c r="C39" s="95"/>
      <c r="D39" s="95"/>
      <c r="E39" s="108" t="s">
        <v>86</v>
      </c>
      <c r="F39" s="82" t="s">
        <v>115</v>
      </c>
      <c r="G39" s="83" t="s">
        <v>116</v>
      </c>
      <c r="H39" s="112">
        <v>52.84</v>
      </c>
      <c r="I39" s="112">
        <v>20</v>
      </c>
      <c r="J39" s="113" t="s">
        <v>107</v>
      </c>
    </row>
    <row r="40" spans="1:10" ht="24" customHeight="1">
      <c r="A40" s="138">
        <v>3</v>
      </c>
      <c r="B40" s="95"/>
      <c r="C40" s="95"/>
      <c r="D40" s="95"/>
      <c r="E40" s="108" t="s">
        <v>86</v>
      </c>
      <c r="F40" s="82" t="s">
        <v>174</v>
      </c>
      <c r="G40" s="83" t="s">
        <v>175</v>
      </c>
      <c r="H40" s="112">
        <v>243.85</v>
      </c>
      <c r="I40" s="112"/>
      <c r="J40" s="113" t="s">
        <v>107</v>
      </c>
    </row>
    <row r="41" spans="1:10" ht="24" customHeight="1">
      <c r="A41" s="158">
        <v>4</v>
      </c>
      <c r="B41" s="95"/>
      <c r="C41" s="95"/>
      <c r="D41" s="95"/>
      <c r="E41" s="108" t="s">
        <v>86</v>
      </c>
      <c r="F41" s="107" t="s">
        <v>87</v>
      </c>
      <c r="G41" s="83" t="s">
        <v>88</v>
      </c>
      <c r="H41" s="112">
        <v>60.81</v>
      </c>
      <c r="I41" s="112"/>
      <c r="J41" s="113" t="s">
        <v>107</v>
      </c>
    </row>
    <row r="42" spans="1:10" ht="24" customHeight="1">
      <c r="A42" s="138">
        <v>5</v>
      </c>
      <c r="B42" s="95"/>
      <c r="C42" s="95"/>
      <c r="D42" s="95"/>
      <c r="E42" s="106" t="s">
        <v>86</v>
      </c>
      <c r="F42" s="93" t="s">
        <v>89</v>
      </c>
      <c r="G42" s="73" t="s">
        <v>90</v>
      </c>
      <c r="H42" s="112">
        <v>122.03</v>
      </c>
      <c r="I42" s="112"/>
      <c r="J42" s="113" t="s">
        <v>107</v>
      </c>
    </row>
    <row r="43" spans="1:10" ht="24" customHeight="1">
      <c r="A43" s="151">
        <v>6</v>
      </c>
      <c r="B43" s="95"/>
      <c r="C43" s="95"/>
      <c r="D43" s="95"/>
      <c r="E43" s="106" t="s">
        <v>86</v>
      </c>
      <c r="F43" s="93" t="s">
        <v>91</v>
      </c>
      <c r="G43" s="73" t="s">
        <v>92</v>
      </c>
      <c r="H43" s="112">
        <v>250.86</v>
      </c>
      <c r="I43" s="112"/>
      <c r="J43" s="113" t="s">
        <v>107</v>
      </c>
    </row>
    <row r="44" spans="1:10" ht="24" customHeight="1">
      <c r="A44" s="158">
        <v>7</v>
      </c>
      <c r="B44" s="95"/>
      <c r="C44" s="95"/>
      <c r="D44" s="95"/>
      <c r="E44" s="106" t="s">
        <v>86</v>
      </c>
      <c r="F44" s="93" t="s">
        <v>93</v>
      </c>
      <c r="G44" s="73" t="s">
        <v>94</v>
      </c>
      <c r="H44" s="112">
        <v>105</v>
      </c>
      <c r="I44" s="112"/>
      <c r="J44" s="113" t="s">
        <v>107</v>
      </c>
    </row>
    <row r="45" spans="1:10" ht="24" customHeight="1">
      <c r="A45" s="158">
        <v>8</v>
      </c>
      <c r="B45" s="95"/>
      <c r="C45" s="95"/>
      <c r="D45" s="95"/>
      <c r="E45" s="106" t="s">
        <v>86</v>
      </c>
      <c r="F45" s="93" t="s">
        <v>95</v>
      </c>
      <c r="G45" s="83" t="s">
        <v>136</v>
      </c>
      <c r="H45" s="112">
        <v>93.9</v>
      </c>
      <c r="I45" s="112"/>
      <c r="J45" s="113" t="s">
        <v>107</v>
      </c>
    </row>
    <row r="46" spans="1:10" ht="24" customHeight="1">
      <c r="A46" s="138">
        <v>9</v>
      </c>
      <c r="B46" s="95"/>
      <c r="C46" s="95"/>
      <c r="D46" s="95"/>
      <c r="E46" s="159" t="s">
        <v>86</v>
      </c>
      <c r="F46" s="82" t="s">
        <v>96</v>
      </c>
      <c r="G46" s="83" t="s">
        <v>97</v>
      </c>
      <c r="H46" s="112">
        <v>91.79</v>
      </c>
      <c r="I46" s="112"/>
      <c r="J46" s="113" t="s">
        <v>107</v>
      </c>
    </row>
    <row r="47" spans="1:10" ht="24" customHeight="1">
      <c r="A47" s="151">
        <v>10</v>
      </c>
      <c r="B47" s="95"/>
      <c r="C47" s="95"/>
      <c r="D47" s="95"/>
      <c r="E47" s="106" t="s">
        <v>86</v>
      </c>
      <c r="F47" s="107" t="s">
        <v>98</v>
      </c>
      <c r="G47" s="83">
        <v>51</v>
      </c>
      <c r="H47" s="112">
        <v>360.36</v>
      </c>
      <c r="I47" s="112">
        <v>47</v>
      </c>
      <c r="J47" s="113" t="s">
        <v>107</v>
      </c>
    </row>
    <row r="48" spans="1:10" ht="24" customHeight="1">
      <c r="A48" s="158">
        <v>11</v>
      </c>
      <c r="B48" s="95"/>
      <c r="C48" s="95"/>
      <c r="D48" s="95"/>
      <c r="E48" s="108" t="s">
        <v>86</v>
      </c>
      <c r="F48" s="107" t="s">
        <v>123</v>
      </c>
      <c r="G48" s="83" t="s">
        <v>172</v>
      </c>
      <c r="H48" s="112">
        <v>357.98</v>
      </c>
      <c r="I48" s="112"/>
      <c r="J48" s="113" t="s">
        <v>107</v>
      </c>
    </row>
    <row r="49" spans="1:10" ht="24" customHeight="1">
      <c r="A49" s="158">
        <v>12</v>
      </c>
      <c r="B49" s="95"/>
      <c r="C49" s="95"/>
      <c r="D49" s="95"/>
      <c r="E49" s="108" t="s">
        <v>86</v>
      </c>
      <c r="F49" s="107" t="s">
        <v>99</v>
      </c>
      <c r="G49" s="83" t="s">
        <v>137</v>
      </c>
      <c r="H49" s="112">
        <v>42.13</v>
      </c>
      <c r="I49" s="112"/>
      <c r="J49" s="113" t="s">
        <v>107</v>
      </c>
    </row>
    <row r="50" spans="1:10" ht="24" customHeight="1">
      <c r="A50" s="138">
        <v>13</v>
      </c>
      <c r="B50" s="95"/>
      <c r="C50" s="95"/>
      <c r="D50" s="95"/>
      <c r="E50" s="108" t="s">
        <v>86</v>
      </c>
      <c r="F50" s="107" t="s">
        <v>99</v>
      </c>
      <c r="G50" s="83" t="s">
        <v>138</v>
      </c>
      <c r="H50" s="112">
        <v>134.22999999999999</v>
      </c>
      <c r="I50" s="112"/>
      <c r="J50" s="113" t="s">
        <v>107</v>
      </c>
    </row>
    <row r="51" spans="1:10" ht="24" customHeight="1">
      <c r="A51" s="138">
        <v>14</v>
      </c>
      <c r="B51" s="149"/>
      <c r="C51" s="149"/>
      <c r="D51" s="149"/>
      <c r="E51" s="106" t="s">
        <v>86</v>
      </c>
      <c r="F51" s="107" t="s">
        <v>99</v>
      </c>
      <c r="G51" s="83" t="s">
        <v>139</v>
      </c>
      <c r="H51" s="112">
        <v>106.55</v>
      </c>
      <c r="I51" s="112"/>
      <c r="J51" s="113" t="s">
        <v>107</v>
      </c>
    </row>
    <row r="52" spans="1:10" ht="24" customHeight="1">
      <c r="A52" s="169" t="s">
        <v>103</v>
      </c>
      <c r="B52" s="170"/>
      <c r="C52" s="170"/>
      <c r="D52" s="170"/>
      <c r="E52" s="170"/>
      <c r="F52" s="170"/>
      <c r="G52" s="171"/>
      <c r="H52" s="78">
        <f>SUM(H38:H51)</f>
        <v>2192.0000000000005</v>
      </c>
      <c r="I52" s="78">
        <f>SUM(I38:I50)</f>
        <v>67</v>
      </c>
      <c r="J52" s="85"/>
    </row>
    <row r="53" spans="1:10" ht="24" customHeight="1">
      <c r="A53" s="155">
        <v>1</v>
      </c>
      <c r="B53" s="86" t="s">
        <v>57</v>
      </c>
      <c r="C53" s="87">
        <v>6401</v>
      </c>
      <c r="D53" s="88">
        <v>1381</v>
      </c>
      <c r="E53" s="84" t="s">
        <v>74</v>
      </c>
      <c r="F53" s="82" t="s">
        <v>83</v>
      </c>
      <c r="G53" s="83" t="s">
        <v>85</v>
      </c>
      <c r="H53" s="112">
        <v>13.72</v>
      </c>
      <c r="I53" s="112"/>
      <c r="J53" s="113" t="s">
        <v>107</v>
      </c>
    </row>
    <row r="54" spans="1:10" ht="24" customHeight="1">
      <c r="A54" s="97">
        <v>2</v>
      </c>
      <c r="B54" s="98"/>
      <c r="C54" s="99"/>
      <c r="D54" s="100"/>
      <c r="E54" s="159" t="s">
        <v>74</v>
      </c>
      <c r="F54" s="82" t="s">
        <v>83</v>
      </c>
      <c r="G54" s="83" t="s">
        <v>117</v>
      </c>
      <c r="H54" s="112">
        <v>27.41</v>
      </c>
      <c r="I54" s="112"/>
      <c r="J54" s="113" t="s">
        <v>107</v>
      </c>
    </row>
    <row r="55" spans="1:10" ht="24" customHeight="1">
      <c r="A55" s="97">
        <v>3</v>
      </c>
      <c r="B55" s="98"/>
      <c r="C55" s="99"/>
      <c r="D55" s="100"/>
      <c r="E55" s="159" t="s">
        <v>74</v>
      </c>
      <c r="F55" s="82" t="s">
        <v>83</v>
      </c>
      <c r="G55" s="83" t="s">
        <v>118</v>
      </c>
      <c r="H55" s="112">
        <v>30.54</v>
      </c>
      <c r="I55" s="112"/>
      <c r="J55" s="113" t="s">
        <v>107</v>
      </c>
    </row>
    <row r="56" spans="1:10" ht="24" customHeight="1">
      <c r="A56" s="97">
        <v>4</v>
      </c>
      <c r="B56" s="98"/>
      <c r="C56" s="99"/>
      <c r="D56" s="100"/>
      <c r="E56" s="159" t="s">
        <v>74</v>
      </c>
      <c r="F56" s="82" t="s">
        <v>83</v>
      </c>
      <c r="G56" s="83" t="s">
        <v>119</v>
      </c>
      <c r="H56" s="112">
        <v>290.24</v>
      </c>
      <c r="I56" s="112"/>
      <c r="J56" s="113" t="s">
        <v>107</v>
      </c>
    </row>
    <row r="57" spans="1:10" ht="24" customHeight="1">
      <c r="A57" s="97">
        <v>5</v>
      </c>
      <c r="B57" s="98"/>
      <c r="C57" s="99"/>
      <c r="D57" s="100"/>
      <c r="E57" s="159" t="s">
        <v>74</v>
      </c>
      <c r="F57" s="82" t="s">
        <v>100</v>
      </c>
      <c r="G57" s="83" t="s">
        <v>110</v>
      </c>
      <c r="H57" s="112">
        <v>203.42</v>
      </c>
      <c r="I57" s="112"/>
      <c r="J57" s="113" t="s">
        <v>107</v>
      </c>
    </row>
    <row r="58" spans="1:10" ht="24" customHeight="1">
      <c r="A58" s="97">
        <v>6</v>
      </c>
      <c r="B58" s="98"/>
      <c r="C58" s="99"/>
      <c r="D58" s="100"/>
      <c r="E58" s="159" t="s">
        <v>74</v>
      </c>
      <c r="F58" s="82" t="s">
        <v>100</v>
      </c>
      <c r="G58" s="83" t="s">
        <v>112</v>
      </c>
      <c r="H58" s="112">
        <v>88.43</v>
      </c>
      <c r="I58" s="112"/>
      <c r="J58" s="113" t="s">
        <v>107</v>
      </c>
    </row>
    <row r="59" spans="1:10" ht="24" customHeight="1">
      <c r="A59" s="97">
        <v>7</v>
      </c>
      <c r="B59" s="98"/>
      <c r="C59" s="99"/>
      <c r="D59" s="100"/>
      <c r="E59" s="159" t="s">
        <v>74</v>
      </c>
      <c r="F59" s="82" t="s">
        <v>100</v>
      </c>
      <c r="G59" s="83" t="s">
        <v>173</v>
      </c>
      <c r="H59" s="112">
        <v>85.88</v>
      </c>
      <c r="I59" s="112"/>
      <c r="J59" s="113" t="s">
        <v>107</v>
      </c>
    </row>
    <row r="60" spans="1:10" ht="24" customHeight="1">
      <c r="A60" s="97">
        <v>8</v>
      </c>
      <c r="B60" s="98"/>
      <c r="C60" s="99"/>
      <c r="D60" s="100"/>
      <c r="E60" s="84" t="s">
        <v>74</v>
      </c>
      <c r="F60" s="82" t="s">
        <v>100</v>
      </c>
      <c r="G60" s="83" t="s">
        <v>111</v>
      </c>
      <c r="H60" s="112">
        <v>100.74</v>
      </c>
      <c r="I60" s="112"/>
      <c r="J60" s="113" t="s">
        <v>107</v>
      </c>
    </row>
    <row r="61" spans="1:10" ht="24" customHeight="1">
      <c r="A61" s="97">
        <v>9</v>
      </c>
      <c r="B61" s="98"/>
      <c r="C61" s="99"/>
      <c r="D61" s="100"/>
      <c r="E61" s="84" t="s">
        <v>74</v>
      </c>
      <c r="F61" s="82" t="s">
        <v>180</v>
      </c>
      <c r="G61" s="83" t="s">
        <v>179</v>
      </c>
      <c r="H61" s="112">
        <v>172.51</v>
      </c>
      <c r="I61" s="112"/>
      <c r="J61" s="113" t="s">
        <v>107</v>
      </c>
    </row>
    <row r="62" spans="1:10" ht="24" customHeight="1">
      <c r="A62" s="97">
        <v>10</v>
      </c>
      <c r="B62" s="98"/>
      <c r="C62" s="99"/>
      <c r="D62" s="100"/>
      <c r="E62" s="159" t="s">
        <v>74</v>
      </c>
      <c r="F62" s="82" t="s">
        <v>81</v>
      </c>
      <c r="G62" s="83" t="s">
        <v>82</v>
      </c>
      <c r="H62" s="112">
        <v>34.869999999999997</v>
      </c>
      <c r="I62" s="112"/>
      <c r="J62" s="113" t="s">
        <v>107</v>
      </c>
    </row>
    <row r="63" spans="1:10" ht="24" customHeight="1">
      <c r="A63" s="97">
        <v>11</v>
      </c>
      <c r="B63" s="98"/>
      <c r="C63" s="99"/>
      <c r="D63" s="100"/>
      <c r="E63" s="159" t="s">
        <v>74</v>
      </c>
      <c r="F63" s="82" t="s">
        <v>81</v>
      </c>
      <c r="G63" s="83" t="s">
        <v>120</v>
      </c>
      <c r="H63" s="112">
        <v>61.01</v>
      </c>
      <c r="I63" s="112"/>
      <c r="J63" s="113" t="s">
        <v>107</v>
      </c>
    </row>
    <row r="64" spans="1:10" ht="24" customHeight="1">
      <c r="A64" s="97">
        <v>12</v>
      </c>
      <c r="B64" s="98"/>
      <c r="C64" s="99"/>
      <c r="D64" s="100"/>
      <c r="E64" s="159" t="s">
        <v>74</v>
      </c>
      <c r="F64" s="82" t="s">
        <v>81</v>
      </c>
      <c r="G64" s="83" t="s">
        <v>121</v>
      </c>
      <c r="H64" s="112">
        <v>60.85</v>
      </c>
      <c r="I64" s="112"/>
      <c r="J64" s="113" t="s">
        <v>107</v>
      </c>
    </row>
    <row r="65" spans="1:10" ht="24" customHeight="1">
      <c r="A65" s="97">
        <v>13</v>
      </c>
      <c r="B65" s="98"/>
      <c r="C65" s="99"/>
      <c r="D65" s="100"/>
      <c r="E65" s="159" t="s">
        <v>74</v>
      </c>
      <c r="F65" s="93" t="s">
        <v>75</v>
      </c>
      <c r="G65" s="83" t="s">
        <v>76</v>
      </c>
      <c r="H65" s="112"/>
      <c r="I65" s="112">
        <v>57.6</v>
      </c>
      <c r="J65" s="113" t="s">
        <v>107</v>
      </c>
    </row>
    <row r="66" spans="1:10" ht="24" customHeight="1">
      <c r="A66" s="97">
        <v>14</v>
      </c>
      <c r="B66" s="98"/>
      <c r="C66" s="99"/>
      <c r="D66" s="100"/>
      <c r="E66" s="159" t="s">
        <v>74</v>
      </c>
      <c r="F66" s="93" t="s">
        <v>75</v>
      </c>
      <c r="G66" s="83" t="s">
        <v>79</v>
      </c>
      <c r="H66" s="112">
        <v>381.6</v>
      </c>
      <c r="I66" s="112"/>
      <c r="J66" s="113" t="s">
        <v>107</v>
      </c>
    </row>
    <row r="67" spans="1:10" ht="24" customHeight="1">
      <c r="A67" s="180" t="s">
        <v>77</v>
      </c>
      <c r="B67" s="181"/>
      <c r="C67" s="181"/>
      <c r="D67" s="181"/>
      <c r="E67" s="181"/>
      <c r="F67" s="181"/>
      <c r="G67" s="181"/>
      <c r="H67" s="78">
        <f>SUM(H53:H66)</f>
        <v>1551.2199999999998</v>
      </c>
      <c r="I67" s="78">
        <f>SUM(I53:I66)</f>
        <v>57.6</v>
      </c>
      <c r="J67" s="85"/>
    </row>
    <row r="68" spans="1:10" ht="24" customHeight="1">
      <c r="A68" s="174" t="s">
        <v>101</v>
      </c>
      <c r="B68" s="175"/>
      <c r="C68" s="175"/>
      <c r="D68" s="175"/>
      <c r="E68" s="175"/>
      <c r="F68" s="175"/>
      <c r="G68" s="175"/>
      <c r="H68" s="165" t="s">
        <v>105</v>
      </c>
      <c r="I68" s="165" t="s">
        <v>106</v>
      </c>
      <c r="J68" s="167" t="s">
        <v>10</v>
      </c>
    </row>
    <row r="69" spans="1:10" ht="24" customHeight="1">
      <c r="A69" s="176"/>
      <c r="B69" s="177"/>
      <c r="C69" s="177"/>
      <c r="D69" s="177"/>
      <c r="E69" s="177"/>
      <c r="F69" s="177"/>
      <c r="G69" s="177"/>
      <c r="H69" s="166"/>
      <c r="I69" s="166"/>
      <c r="J69" s="168"/>
    </row>
    <row r="70" spans="1:10" ht="24" customHeight="1">
      <c r="A70" s="178"/>
      <c r="B70" s="179"/>
      <c r="C70" s="179"/>
      <c r="D70" s="179"/>
      <c r="E70" s="179"/>
      <c r="F70" s="179"/>
      <c r="G70" s="179"/>
      <c r="H70" s="78">
        <f>H37+H52+H67+H18</f>
        <v>15197.239999999998</v>
      </c>
      <c r="I70" s="78">
        <f>I37+I52+I67+I18</f>
        <v>785.4</v>
      </c>
      <c r="J70" s="74">
        <f>SUM(H70:I70)</f>
        <v>15982.639999999998</v>
      </c>
    </row>
    <row r="71" spans="1:10" ht="24" customHeight="1"/>
    <row r="72" spans="1:10" ht="24" customHeight="1">
      <c r="B72" s="72"/>
      <c r="C72" s="72"/>
      <c r="D72" s="72"/>
      <c r="E72" s="72"/>
      <c r="F72" s="114"/>
      <c r="G72" s="114"/>
      <c r="H72" s="115"/>
      <c r="I72" s="115"/>
      <c r="J72" s="116"/>
    </row>
    <row r="73" spans="1:10" ht="24" customHeight="1">
      <c r="F73" s="116"/>
      <c r="G73" s="114"/>
      <c r="H73" s="115"/>
      <c r="I73" s="115"/>
      <c r="J73" s="117"/>
    </row>
    <row r="74" spans="1:10" ht="24" customHeight="1">
      <c r="F74" s="116"/>
      <c r="G74" s="114"/>
      <c r="H74" s="115"/>
      <c r="I74" s="115"/>
      <c r="J74" s="117"/>
    </row>
    <row r="75" spans="1:10" ht="24" customHeight="1"/>
    <row r="77" spans="1:10" ht="23.25" customHeight="1">
      <c r="J77" s="79"/>
    </row>
    <row r="78" spans="1:10" ht="23.25" customHeight="1">
      <c r="J78" s="79"/>
    </row>
    <row r="79" spans="1:10" ht="23.25" customHeight="1">
      <c r="J79" s="79"/>
    </row>
    <row r="80" spans="1:10" ht="15" customHeight="1">
      <c r="J80" s="79"/>
    </row>
    <row r="82" spans="2:11" ht="15" customHeight="1">
      <c r="K82" s="79"/>
    </row>
    <row r="83" spans="2:11" ht="15" customHeight="1">
      <c r="K83" s="79"/>
    </row>
    <row r="84" spans="2:11" ht="15" customHeight="1">
      <c r="K84" s="79"/>
    </row>
    <row r="85" spans="2:11" ht="15" customHeight="1">
      <c r="K85" s="79"/>
    </row>
    <row r="87" spans="2:11" ht="15" customHeight="1">
      <c r="B87" s="6"/>
      <c r="C87" s="6"/>
      <c r="D87" s="6"/>
      <c r="E87" s="6"/>
      <c r="G87" s="6"/>
      <c r="H87" s="6"/>
      <c r="I87" s="6"/>
    </row>
    <row r="88" spans="2:11" ht="15" customHeight="1">
      <c r="B88" s="6"/>
      <c r="C88" s="6"/>
      <c r="D88" s="6"/>
      <c r="E88" s="6"/>
      <c r="G88" s="6"/>
      <c r="H88" s="6"/>
      <c r="I88" s="6"/>
    </row>
    <row r="89" spans="2:11" ht="15" customHeight="1">
      <c r="B89" s="6"/>
      <c r="C89" s="6"/>
      <c r="D89" s="6"/>
      <c r="E89" s="6"/>
      <c r="G89" s="6"/>
      <c r="H89" s="6"/>
      <c r="I89" s="6"/>
    </row>
    <row r="90" spans="2:11" ht="15" customHeight="1">
      <c r="B90" s="6"/>
      <c r="C90" s="6"/>
      <c r="D90" s="6"/>
      <c r="E90" s="6"/>
      <c r="G90" s="6"/>
      <c r="H90" s="6"/>
      <c r="I90" s="6"/>
    </row>
    <row r="91" spans="2:11" ht="15" customHeight="1">
      <c r="B91" s="6"/>
      <c r="C91" s="6"/>
      <c r="D91" s="6"/>
      <c r="E91" s="6"/>
      <c r="G91" s="6"/>
      <c r="H91" s="6"/>
      <c r="I91" s="6"/>
    </row>
    <row r="92" spans="2:11" ht="24" customHeight="1">
      <c r="B92" s="6"/>
      <c r="C92" s="6"/>
      <c r="D92" s="6"/>
      <c r="E92" s="6"/>
      <c r="G92" s="6"/>
      <c r="H92" s="6"/>
      <c r="I92" s="6"/>
    </row>
    <row r="93" spans="2:11" ht="24" customHeight="1">
      <c r="B93" s="6"/>
      <c r="C93" s="6"/>
      <c r="D93" s="6"/>
      <c r="E93" s="6"/>
      <c r="G93" s="6"/>
      <c r="H93" s="6"/>
      <c r="I93" s="6"/>
    </row>
    <row r="94" spans="2:11" ht="24" customHeight="1">
      <c r="B94" s="6"/>
      <c r="C94" s="6"/>
      <c r="D94" s="6"/>
      <c r="E94" s="6"/>
      <c r="G94" s="6"/>
      <c r="H94" s="6"/>
      <c r="I94" s="6"/>
    </row>
    <row r="95" spans="2:11" ht="24" customHeight="1">
      <c r="B95" s="6"/>
      <c r="C95" s="6"/>
      <c r="D95" s="6"/>
      <c r="E95" s="6"/>
      <c r="G95" s="6"/>
      <c r="H95" s="6"/>
      <c r="I95" s="6"/>
    </row>
    <row r="96" spans="2:11" ht="24" customHeight="1">
      <c r="B96" s="6"/>
      <c r="C96" s="6"/>
      <c r="D96" s="6"/>
      <c r="E96" s="6"/>
      <c r="G96" s="6"/>
      <c r="H96" s="6"/>
      <c r="I96" s="6"/>
    </row>
    <row r="97" spans="2:9" ht="24" customHeight="1">
      <c r="B97" s="6"/>
      <c r="C97" s="6"/>
      <c r="D97" s="6"/>
      <c r="E97" s="6"/>
      <c r="G97" s="6"/>
      <c r="H97" s="6"/>
      <c r="I97" s="6"/>
    </row>
    <row r="98" spans="2:9" ht="24" customHeight="1">
      <c r="B98" s="6"/>
      <c r="C98" s="6"/>
      <c r="D98" s="6"/>
      <c r="E98" s="6"/>
      <c r="G98" s="6"/>
      <c r="H98" s="6"/>
      <c r="I98" s="6"/>
    </row>
    <row r="99" spans="2:9" ht="24" customHeight="1">
      <c r="B99" s="6"/>
      <c r="C99" s="6"/>
      <c r="D99" s="6"/>
      <c r="E99" s="6"/>
      <c r="G99" s="6"/>
      <c r="H99" s="6"/>
      <c r="I99" s="6"/>
    </row>
    <row r="100" spans="2:9" ht="24" customHeight="1">
      <c r="B100" s="6"/>
      <c r="C100" s="6"/>
      <c r="D100" s="6"/>
      <c r="E100" s="6"/>
      <c r="G100" s="6"/>
      <c r="H100" s="6"/>
      <c r="I100" s="6"/>
    </row>
    <row r="101" spans="2:9" ht="24" customHeight="1">
      <c r="B101" s="6"/>
      <c r="C101" s="6"/>
      <c r="D101" s="6"/>
      <c r="E101" s="6"/>
      <c r="G101" s="6"/>
      <c r="H101" s="6"/>
      <c r="I101" s="6"/>
    </row>
    <row r="102" spans="2:9" ht="24" customHeight="1">
      <c r="B102" s="6"/>
      <c r="C102" s="6"/>
      <c r="D102" s="6"/>
      <c r="E102" s="6"/>
      <c r="G102" s="6"/>
      <c r="H102" s="6"/>
      <c r="I102" s="6"/>
    </row>
    <row r="103" spans="2:9" ht="24" customHeight="1">
      <c r="B103" s="6"/>
      <c r="C103" s="6"/>
      <c r="D103" s="6"/>
      <c r="E103" s="6"/>
      <c r="G103" s="6"/>
      <c r="H103" s="6"/>
      <c r="I103" s="6"/>
    </row>
    <row r="104" spans="2:9" ht="24" customHeight="1">
      <c r="B104" s="6"/>
      <c r="C104" s="6"/>
      <c r="D104" s="6"/>
      <c r="E104" s="6"/>
      <c r="G104" s="6"/>
      <c r="H104" s="6"/>
      <c r="I104" s="6"/>
    </row>
    <row r="105" spans="2:9" ht="24" customHeight="1">
      <c r="B105" s="6"/>
      <c r="C105" s="6"/>
      <c r="D105" s="6"/>
      <c r="E105" s="6"/>
      <c r="G105" s="6"/>
      <c r="H105" s="6"/>
      <c r="I105" s="6"/>
    </row>
    <row r="106" spans="2:9" ht="24" customHeight="1">
      <c r="B106" s="6"/>
      <c r="C106" s="6"/>
      <c r="D106" s="6"/>
      <c r="E106" s="6"/>
      <c r="G106" s="6"/>
      <c r="H106" s="6"/>
      <c r="I106" s="6"/>
    </row>
    <row r="107" spans="2:9" ht="24" customHeight="1">
      <c r="B107" s="6"/>
      <c r="C107" s="6"/>
      <c r="D107" s="6"/>
      <c r="E107" s="6"/>
      <c r="G107" s="6"/>
      <c r="H107" s="6"/>
      <c r="I107" s="6"/>
    </row>
    <row r="108" spans="2:9" ht="24" customHeight="1">
      <c r="B108" s="6"/>
      <c r="C108" s="6"/>
      <c r="D108" s="6"/>
      <c r="E108" s="6"/>
      <c r="G108" s="6"/>
      <c r="H108" s="6"/>
      <c r="I108" s="6"/>
    </row>
    <row r="109" spans="2:9" ht="24" customHeight="1">
      <c r="B109" s="6"/>
      <c r="C109" s="6"/>
      <c r="D109" s="6"/>
      <c r="E109" s="6"/>
      <c r="G109" s="6"/>
      <c r="H109" s="6"/>
      <c r="I109" s="6"/>
    </row>
    <row r="110" spans="2:9" ht="24" customHeight="1">
      <c r="B110" s="6"/>
      <c r="C110" s="6"/>
      <c r="D110" s="6"/>
      <c r="E110" s="6"/>
      <c r="G110" s="6"/>
      <c r="H110" s="6"/>
      <c r="I110" s="6"/>
    </row>
    <row r="111" spans="2:9" ht="24" customHeight="1">
      <c r="B111" s="6"/>
      <c r="C111" s="6"/>
      <c r="D111" s="6"/>
      <c r="E111" s="6"/>
      <c r="G111" s="6"/>
      <c r="H111" s="6"/>
      <c r="I111" s="6"/>
    </row>
    <row r="112" spans="2:9" ht="24" customHeight="1">
      <c r="B112" s="6"/>
      <c r="C112" s="6"/>
      <c r="D112" s="6"/>
      <c r="E112" s="6"/>
      <c r="G112" s="6"/>
      <c r="H112" s="6"/>
      <c r="I112" s="6"/>
    </row>
    <row r="113" spans="2:9" ht="24" customHeight="1">
      <c r="B113" s="6"/>
      <c r="C113" s="6"/>
      <c r="D113" s="6"/>
      <c r="E113" s="6"/>
      <c r="G113" s="6"/>
      <c r="H113" s="6"/>
      <c r="I113" s="6"/>
    </row>
    <row r="114" spans="2:9" ht="24" customHeight="1">
      <c r="B114" s="6"/>
      <c r="C114" s="6"/>
      <c r="D114" s="6"/>
      <c r="E114" s="6"/>
      <c r="G114" s="6"/>
      <c r="H114" s="6"/>
      <c r="I114" s="6"/>
    </row>
    <row r="115" spans="2:9" ht="24" customHeight="1">
      <c r="B115" s="6"/>
      <c r="C115" s="6"/>
      <c r="D115" s="6"/>
      <c r="E115" s="6"/>
      <c r="G115" s="6"/>
      <c r="H115" s="6"/>
      <c r="I115" s="6"/>
    </row>
    <row r="116" spans="2:9" ht="24" customHeight="1">
      <c r="B116" s="6"/>
      <c r="C116" s="6"/>
      <c r="D116" s="6"/>
      <c r="E116" s="6"/>
      <c r="G116" s="6"/>
      <c r="H116" s="6"/>
      <c r="I116" s="6"/>
    </row>
    <row r="117" spans="2:9" ht="24" customHeight="1">
      <c r="B117" s="6"/>
      <c r="C117" s="6"/>
      <c r="D117" s="6"/>
      <c r="E117" s="6"/>
      <c r="G117" s="6"/>
      <c r="H117" s="6"/>
      <c r="I117" s="6"/>
    </row>
    <row r="118" spans="2:9" ht="24" customHeight="1">
      <c r="B118" s="6"/>
      <c r="C118" s="6"/>
      <c r="D118" s="6"/>
      <c r="E118" s="6"/>
      <c r="G118" s="6"/>
      <c r="H118" s="6"/>
      <c r="I118" s="6"/>
    </row>
    <row r="119" spans="2:9" ht="24" customHeight="1">
      <c r="B119" s="6"/>
      <c r="C119" s="6"/>
      <c r="D119" s="6"/>
      <c r="E119" s="6"/>
      <c r="G119" s="6"/>
      <c r="H119" s="6"/>
      <c r="I119" s="6"/>
    </row>
    <row r="120" spans="2:9" ht="24" customHeight="1">
      <c r="B120" s="6"/>
      <c r="C120" s="6"/>
      <c r="D120" s="6"/>
      <c r="E120" s="6"/>
      <c r="G120" s="6"/>
      <c r="H120" s="6"/>
      <c r="I120" s="6"/>
    </row>
    <row r="121" spans="2:9" ht="24" customHeight="1">
      <c r="B121" s="6"/>
      <c r="C121" s="6"/>
      <c r="D121" s="6"/>
      <c r="E121" s="6"/>
      <c r="G121" s="6"/>
      <c r="H121" s="6"/>
      <c r="I121" s="6"/>
    </row>
    <row r="122" spans="2:9" ht="24" customHeight="1"/>
    <row r="123" spans="2:9" ht="27" customHeight="1">
      <c r="B123" s="6"/>
      <c r="C123" s="6"/>
      <c r="D123" s="6"/>
      <c r="E123" s="6"/>
      <c r="G123" s="6"/>
      <c r="H123" s="6"/>
      <c r="I123" s="6"/>
    </row>
    <row r="124" spans="2:9" ht="15" customHeight="1">
      <c r="B124" s="6"/>
      <c r="C124" s="6"/>
      <c r="D124" s="6"/>
      <c r="E124" s="6"/>
      <c r="G124" s="6"/>
      <c r="H124" s="6"/>
      <c r="I124" s="6"/>
    </row>
    <row r="125" spans="2:9" ht="15" customHeight="1">
      <c r="B125" s="6"/>
      <c r="C125" s="6"/>
      <c r="D125" s="6"/>
      <c r="E125" s="6"/>
      <c r="G125" s="6"/>
      <c r="H125" s="6"/>
      <c r="I125" s="6"/>
    </row>
    <row r="128" spans="2:9" ht="15" customHeight="1">
      <c r="B128" s="6"/>
      <c r="C128" s="6"/>
      <c r="D128" s="6"/>
      <c r="E128" s="6"/>
      <c r="G128" s="6"/>
      <c r="H128" s="6"/>
      <c r="I128" s="6"/>
    </row>
    <row r="129" spans="2:9" ht="15" customHeight="1">
      <c r="B129" s="6"/>
      <c r="C129" s="6"/>
      <c r="D129" s="6"/>
      <c r="E129" s="6"/>
      <c r="G129" s="6"/>
      <c r="H129" s="6"/>
      <c r="I129" s="6"/>
    </row>
    <row r="130" spans="2:9" ht="15" customHeight="1">
      <c r="B130" s="6"/>
      <c r="C130" s="6"/>
      <c r="D130" s="6"/>
      <c r="E130" s="6"/>
      <c r="G130" s="6"/>
      <c r="H130" s="6"/>
      <c r="I130" s="6"/>
    </row>
    <row r="131" spans="2:9" ht="15" customHeight="1">
      <c r="B131" s="6"/>
      <c r="C131" s="6"/>
      <c r="D131" s="6"/>
      <c r="E131" s="6"/>
      <c r="G131" s="6"/>
      <c r="H131" s="6"/>
      <c r="I131" s="6"/>
    </row>
  </sheetData>
  <mergeCells count="18">
    <mergeCell ref="A1:I1"/>
    <mergeCell ref="A2:A3"/>
    <mergeCell ref="B2:B3"/>
    <mergeCell ref="C2:D2"/>
    <mergeCell ref="E2:E3"/>
    <mergeCell ref="F2:F3"/>
    <mergeCell ref="G2:G3"/>
    <mergeCell ref="H2:H3"/>
    <mergeCell ref="I2:I3"/>
    <mergeCell ref="A68:G70"/>
    <mergeCell ref="H68:H69"/>
    <mergeCell ref="I68:I69"/>
    <mergeCell ref="J68:J69"/>
    <mergeCell ref="J2:J3"/>
    <mergeCell ref="A37:G37"/>
    <mergeCell ref="A18:G18"/>
    <mergeCell ref="A52:G52"/>
    <mergeCell ref="A67:G67"/>
  </mergeCells>
  <phoneticPr fontId="3"/>
  <dataValidations count="2">
    <dataValidation imeMode="hiragana" allowBlank="1" showInputMessage="1" showErrorMessage="1" sqref="B73:B65499 F71:F72 B71 G72:G74 F75:F65499 A1 B2:B17 F2:F17 F35:F36 F38:F51 F53:F66"/>
    <dataValidation imeMode="off" allowBlank="1" showInputMessage="1" showErrorMessage="1" sqref="G71 G75:G65499 G2:G17 G35:G36 H25:H26 I28:I36 G19:H19 I19:I22 H4:H17 H32:H33 H36 G38:G51 H37:I67 G53:G66"/>
  </dataValidations>
  <printOptions horizontalCentered="1"/>
  <pageMargins left="0.78740157480314965" right="0.35433070866141736" top="0.39370078740157483" bottom="0.23622047244094491" header="0.23622047244094491" footer="0.19685039370078741"/>
  <pageSetup paperSize="9" scale="93" fitToHeight="0" orientation="portrait" blackAndWhite="1" r:id="rId1"/>
  <headerFooter alignWithMargins="0"/>
  <rowBreaks count="2" manualBreakCount="2">
    <brk id="37" max="9" man="1"/>
    <brk id="83" max="11"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6"/>
  <sheetViews>
    <sheetView tabSelected="1" view="pageBreakPreview" zoomScaleNormal="100" workbookViewId="0">
      <selection activeCell="G16" sqref="G16"/>
    </sheetView>
  </sheetViews>
  <sheetFormatPr defaultRowHeight="27" customHeight="1"/>
  <cols>
    <col min="1" max="1" width="21.25" style="66" customWidth="1"/>
    <col min="2" max="2" width="25" style="66" customWidth="1"/>
    <col min="3" max="3" width="32.875" style="66" customWidth="1"/>
    <col min="4" max="16384" width="9" style="66"/>
  </cols>
  <sheetData>
    <row r="1" spans="1:3" ht="27" customHeight="1">
      <c r="C1" s="90" t="s">
        <v>59</v>
      </c>
    </row>
    <row r="2" spans="1:3" s="69" customFormat="1" ht="45" customHeight="1">
      <c r="A2" s="243" t="s">
        <v>185</v>
      </c>
      <c r="B2" s="243"/>
      <c r="C2" s="243"/>
    </row>
    <row r="3" spans="1:3" ht="27" customHeight="1">
      <c r="A3" s="67" t="s">
        <v>58</v>
      </c>
      <c r="B3" s="67" t="s">
        <v>50</v>
      </c>
      <c r="C3" s="67" t="s">
        <v>49</v>
      </c>
    </row>
    <row r="4" spans="1:3" ht="27" customHeight="1">
      <c r="A4" s="68"/>
      <c r="B4" s="68"/>
      <c r="C4" s="68"/>
    </row>
    <row r="5" spans="1:3" ht="27" customHeight="1">
      <c r="A5" s="68"/>
      <c r="B5" s="68"/>
      <c r="C5" s="68"/>
    </row>
    <row r="6" spans="1:3" ht="27" customHeight="1">
      <c r="A6" s="68"/>
      <c r="B6" s="68"/>
      <c r="C6" s="68"/>
    </row>
    <row r="7" spans="1:3" ht="27" customHeight="1">
      <c r="A7" s="68"/>
      <c r="B7" s="68"/>
      <c r="C7" s="68"/>
    </row>
    <row r="8" spans="1:3" ht="27" customHeight="1">
      <c r="A8" s="68"/>
      <c r="B8" s="68"/>
      <c r="C8" s="68"/>
    </row>
    <row r="9" spans="1:3" ht="27" customHeight="1">
      <c r="A9" s="68"/>
      <c r="B9" s="68"/>
      <c r="C9" s="68"/>
    </row>
    <row r="10" spans="1:3" ht="27" customHeight="1">
      <c r="A10" s="68"/>
      <c r="B10" s="68"/>
      <c r="C10" s="68"/>
    </row>
    <row r="11" spans="1:3" ht="27" customHeight="1">
      <c r="A11" s="68"/>
      <c r="B11" s="68"/>
      <c r="C11" s="68"/>
    </row>
    <row r="12" spans="1:3" ht="27" customHeight="1">
      <c r="A12" s="68"/>
      <c r="B12" s="68"/>
      <c r="C12" s="68"/>
    </row>
    <row r="13" spans="1:3" ht="27" customHeight="1">
      <c r="A13" s="68"/>
      <c r="B13" s="68"/>
      <c r="C13" s="68"/>
    </row>
    <row r="14" spans="1:3" ht="27" customHeight="1">
      <c r="A14" s="68"/>
      <c r="B14" s="68"/>
      <c r="C14" s="68"/>
    </row>
    <row r="15" spans="1:3" ht="27" customHeight="1">
      <c r="A15" s="68"/>
      <c r="B15" s="68"/>
      <c r="C15" s="68"/>
    </row>
    <row r="16" spans="1:3" ht="27" customHeight="1">
      <c r="A16" s="68"/>
      <c r="B16" s="68"/>
      <c r="C16" s="68"/>
    </row>
    <row r="17" spans="1:3" ht="27" customHeight="1">
      <c r="A17" s="68"/>
      <c r="B17" s="68"/>
      <c r="C17" s="68"/>
    </row>
    <row r="18" spans="1:3" ht="27" customHeight="1">
      <c r="A18" s="68"/>
      <c r="B18" s="68"/>
      <c r="C18" s="68"/>
    </row>
    <row r="19" spans="1:3" ht="27" customHeight="1">
      <c r="A19" s="68"/>
      <c r="B19" s="68"/>
      <c r="C19" s="68"/>
    </row>
    <row r="20" spans="1:3" ht="27" customHeight="1">
      <c r="A20" s="68"/>
      <c r="B20" s="68"/>
      <c r="C20" s="68"/>
    </row>
    <row r="21" spans="1:3" ht="27" customHeight="1">
      <c r="A21" s="68"/>
      <c r="B21" s="68"/>
      <c r="C21" s="68"/>
    </row>
    <row r="22" spans="1:3" ht="27" customHeight="1">
      <c r="A22" s="68"/>
      <c r="B22" s="68"/>
      <c r="C22" s="68"/>
    </row>
    <row r="23" spans="1:3" ht="27" customHeight="1">
      <c r="A23" s="68"/>
      <c r="B23" s="68"/>
      <c r="C23" s="68"/>
    </row>
    <row r="24" spans="1:3" ht="27" customHeight="1">
      <c r="A24" s="68"/>
      <c r="B24" s="68"/>
      <c r="C24" s="68"/>
    </row>
    <row r="25" spans="1:3" ht="27" customHeight="1">
      <c r="A25" s="68"/>
      <c r="B25" s="68"/>
      <c r="C25" s="68"/>
    </row>
    <row r="26" spans="1:3" ht="27" customHeight="1">
      <c r="A26" s="68"/>
      <c r="B26" s="68"/>
      <c r="C26" s="68"/>
    </row>
  </sheetData>
  <mergeCells count="1">
    <mergeCell ref="A2:C2"/>
  </mergeCells>
  <phoneticPr fontId="3"/>
  <printOptions horizontalCentered="1"/>
  <pageMargins left="0.6692913385826772" right="0.59055118110236227" top="0.98425196850393704" bottom="0.98425196850393704"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様式1）</vt:lpstr>
      <vt:lpstr>（様式2）</vt:lpstr>
      <vt:lpstr>様式3）完了届</vt:lpstr>
      <vt:lpstr>（様式4）</vt:lpstr>
      <vt:lpstr>（様式5）</vt:lpstr>
      <vt:lpstr>(様式6)</vt:lpstr>
      <vt:lpstr>'（様式1）'!Print_Area</vt:lpstr>
      <vt:lpstr>'（様式2）'!Print_Area</vt:lpstr>
      <vt:lpstr>'（様式5）'!Print_Area</vt:lpstr>
      <vt:lpstr>'（様式1）'!Print_Titles</vt:lpstr>
      <vt:lpstr>'（様式5）'!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1.福井　秀人</dc:creator>
  <cp:lastModifiedBy>11.松宮　晴香</cp:lastModifiedBy>
  <cp:lastPrinted>2022-07-27T04:53:12Z</cp:lastPrinted>
  <dcterms:created xsi:type="dcterms:W3CDTF">2008-05-15T07:14:32Z</dcterms:created>
  <dcterms:modified xsi:type="dcterms:W3CDTF">2022-08-04T02:46:16Z</dcterms:modified>
</cp:coreProperties>
</file>